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queryTables/queryTable1.xml" ContentType="application/vnd.openxmlformats-officedocument.spreadsheetml.query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6" rupBuild="18431"/>
  <workbookPr filterPrivacy="1"/>
  <bookViews>
    <workbookView xWindow="0" yWindow="0" windowWidth="28800" windowHeight="11760"/>
  </bookViews>
  <sheets>
    <sheet name="Sheet1" sheetId="1" r:id="rId1"/>
  </sheets>
  <definedNames>
    <definedName name="_xlnm._FilterDatabase" localSheetId="0" hidden="1">Sheet1!$A$1:$K$1609</definedName>
    <definedName name="RCP_Report" localSheetId="0">Sheet1!$A$1:$K$1608</definedName>
  </definedNames>
  <calcPr calcId="162913"/>
  <fileRecoveryPr autoRecover="0"/>
  <extLst>
    <ext xmlns:x15="http://schemas.microsoft.com/office/spreadsheetml/2010/11/main" uri="{140A7094-0E35-4892-8432-C4D2E57EDEB5}">
      <x15:workbookPr chartTrackingRefBase="1"/>
    </ext>
  </extLst>
</workbook>
</file>

<file path=xl/connections.xml><?xml version="1.0" encoding="utf-8"?>
<connections xmlns="http://schemas.openxmlformats.org/spreadsheetml/2006/main">
  <connection id="1" name="RCP-Report" type="6" refreshedVersion="6" background="1" saveData="1">
    <textPr sourceFile="C:\Users\jayabharath.reddy\Desktop\s3\RCP-Report.csv" tab="0" delimiter="|">
      <textFields count="21">
        <textField/>
        <textField/>
        <textField/>
        <textField/>
        <textField/>
        <textField/>
        <textField/>
        <textField/>
        <textField/>
        <textField/>
        <textField/>
        <textField/>
        <textField/>
        <textField/>
        <textField/>
        <textField/>
        <textField/>
        <textField/>
        <textField/>
        <textField/>
        <textField/>
      </textFields>
    </textPr>
  </connection>
</connections>
</file>

<file path=xl/sharedStrings.xml><?xml version="1.0" encoding="utf-8"?>
<sst xmlns="http://schemas.openxmlformats.org/spreadsheetml/2006/main" count="14041" uniqueCount="5820">
  <si>
    <t>Document Title</t>
  </si>
  <si>
    <t>Document Type</t>
  </si>
  <si>
    <t>Document Date</t>
  </si>
  <si>
    <t>Publication Date</t>
  </si>
  <si>
    <t>Publisher</t>
  </si>
  <si>
    <t>Document Notes</t>
  </si>
  <si>
    <t>Item Type</t>
  </si>
  <si>
    <t>Language</t>
  </si>
  <si>
    <t>Location Information</t>
  </si>
  <si>
    <t>Author</t>
  </si>
  <si>
    <t>Date Loaded to Archive</t>
  </si>
  <si>
    <t>The Methode of Physicke, Contenyning the Causes, Signes and Cures of Inward Diseases in Man's Body from the Head to the Foote</t>
  </si>
  <si>
    <t>Monographs</t>
  </si>
  <si>
    <t>-</t>
  </si>
  <si>
    <t>T. Vautroullier</t>
  </si>
  <si>
    <t>Dimensions: 28 cm, Provenance: Autograph - Robinson, James; Autograph - Wetherall, Goerge, 1679; Autograph - Fletcher, Goerge; Autograph - Jerry, Richard, Bibliographical Note: One copy lacks first 8 ff., pp. 1-12, 299-303; MS. notes in both copies; S.T.C. 1508, Class Number: 61, priref: 3127</t>
  </si>
  <si>
    <t>Printed Books</t>
  </si>
  <si>
    <t>English</t>
  </si>
  <si>
    <t>51.5073509,-0.1277583</t>
  </si>
  <si>
    <t>Philip Barrough</t>
  </si>
  <si>
    <t>De politia Judaica: tam ciuili quÃ m ecclesiastica, ia[m] inde Ã  suis primordijs, hoc est, ab Orbe condito, repetita</t>
  </si>
  <si>
    <t>MDLXXIIII</t>
  </si>
  <si>
    <t>Vignon</t>
  </si>
  <si>
    <t>Dimensions: 36 cm, Collection: Dorchester, priref: 35772</t>
  </si>
  <si>
    <t>Latin</t>
  </si>
  <si>
    <t>46.20222,6.14569</t>
  </si>
  <si>
    <t>Bonaventure Corneille Bertram</t>
  </si>
  <si>
    <t>Delle emorragie dei capillari</t>
  </si>
  <si>
    <t>tipografia di M. Cecchi</t>
  </si>
  <si>
    <t>Dimensions: 24 cm, priref: 2323</t>
  </si>
  <si>
    <t>Italian</t>
  </si>
  <si>
    <t>34.1954331,-79.7625625</t>
  </si>
  <si>
    <t>Ranieri Bellini</t>
  </si>
  <si>
    <t>Minutes and Proceedings of a Court-Martial Held on John Crookshanks, Formerly Captain of His Majesty's Ship the Lark; Now First Published by Robert Kirke, Judge-Advocate of the Said Court-Martial: â€¦</t>
  </si>
  <si>
    <t>MDCCLXXII</t>
  </si>
  <si>
    <t>S. Bladon</t>
  </si>
  <si>
    <t>Publication Statement: 1722, Dimensions: 20 cm, priref: 17609</t>
  </si>
  <si>
    <t>John Crookshanks</t>
  </si>
  <si>
    <t>A History of a Severe Case of Neuralgia, Commonly Called Tic Douloureuxâ€¦</t>
  </si>
  <si>
    <t>Printed for Burgess and Hill</t>
  </si>
  <si>
    <t>Dimensions: 22 cm, Provenance: *Autograph: Author, Bibliographical Note: One copy is no. 32 in a vol. lettered : Edinburgh theses, 16; one copy is shelved in Tr.92(4), Class Number: 61(043) 92(4), priref: 33696</t>
  </si>
  <si>
    <t>Grant David Yeats</t>
  </si>
  <si>
    <t>The arte of nauigation: wherein is contained all the rules, declarations, secretes, &amp; aduises, which for good nauigation are necessarie &amp; ought to be knowen and practised: and are very profitable for all kind of mariners</t>
  </si>
  <si>
    <t>Dawson, Thomas</t>
  </si>
  <si>
    <t>Statement of Responsibility: made by (master Peter de Medina) directed to the right excellent and renowned lord, don Philippe, prince of Spaine, and of both Siciles. And now newely translated out of Spanish into English by John Frampton., Publication Statement: 1581, Illustrations: ill., Dimensions: 30 cm, Provenance: Annotations on fly-leaf recto and title-page: 'G~9 ?'; 'S 191'; '16'; '27: G'; Autograph on title-page: John, Bibliographical Note: T.p. with decorated border; Colophon is missing; Referenced: S.T.C. 17771., Summary: Other titles: Art of navigation, Collection: Dorchester, Genre: Annotations; Autographs, Other Names: Frampton, John (Translator), priref: 38750</t>
  </si>
  <si>
    <t>olde</t>
  </si>
  <si>
    <t>Pedro de Medina</t>
  </si>
  <si>
    <t>QuÃ¦stio medica an pestis curatio ex symptomatis?</t>
  </si>
  <si>
    <t>27 Januarii 1724</t>
  </si>
  <si>
    <t>January 27, 1724</t>
  </si>
  <si>
    <t>[J. Quillau (typis)]</t>
  </si>
  <si>
    <t>Dimensions: 21 cm, Bibliographical Note: Facsimile in: Rendle-Short, M. and Rendle-Short, J., 'The Father of child care: life of William Cadogan', 1966., priref: 5670</t>
  </si>
  <si>
    <t>48.85341,2.3488</t>
  </si>
  <si>
    <t>De regvlis medicinae libri tres</t>
  </si>
  <si>
    <t>MDLXVI</t>
  </si>
  <si>
    <t>V. Sabiensem (apud)</t>
  </si>
  <si>
    <t>Statement of Responsibility: Made English ... by C. Packe, Dimensions: 14 cm, Bibliographical Note: Wing P146.; Lettered, Aphorisms - Packe., Other Names: Packe, Christopher (chemist; fl.1711) (Translator), Class Number: 54, priref: 10095</t>
  </si>
  <si>
    <t>0.0,0.0</t>
  </si>
  <si>
    <t>Omnibonus Ferrarius</t>
  </si>
  <si>
    <t>De cancri natura et praecipua cancri ventriculi causa d.i</t>
  </si>
  <si>
    <t>MDCCCXXIII</t>
  </si>
  <si>
    <t>Statement of Responsibility: by John Clendinning, Publication Statement: 1844(?), Dimensions: 21 cm, General Note: Report read before the Statistical Section of the British Association, 1st October, 1844 - title page., Collection: UK Medical Heritage Library, Websites: &lt;a href=http://wellcomelibrary.org/player/b28519371""&gt;View online via the Wellcome Library&lt;/a&gt;; &lt;a href=""https://archive.org/details/rcplondon?&amp;and=b28519371""&gt;View online via the Internet Archive&lt;/a&gt;; &lt;a href=""https://ukmhl.historicaltexts.jisc.ac.uk/ukmhl-b28519371""&gt;View online via Jisc Historical Texts&lt;/a&gt;"", priref: 6817</t>
  </si>
  <si>
    <t>49.40192,8.6803</t>
  </si>
  <si>
    <t>Johann Carl Creve</t>
  </si>
  <si>
    <t>Letter to RCP from [Colonial Office?]</t>
  </si>
  <si>
    <t>Manuscripts</t>
  </si>
  <si>
    <t>October 28, 1862</t>
  </si>
  <si>
    <t xml:space="preserve">Letter to RCP from Colonial Office? </t>
  </si>
  <si>
    <t>Correspondence</t>
  </si>
  <si>
    <t>Alterationem â€¦ examinandam eruditis sistit publice C. Nimptsch</t>
  </si>
  <si>
    <t>MDCLI</t>
  </si>
  <si>
    <t>J. Rohneri (typis)</t>
  </si>
  <si>
    <t>Dimensions: 22 cm, Series: Hunterian oration, Series Number: 1853, priref: 7380</t>
  </si>
  <si>
    <t>Caspar Nimptsch</t>
  </si>
  <si>
    <t>England and Her Colonies Considered in Relation to the Aborigones, with a Proposal for Affording Them Medical Relief</t>
  </si>
  <si>
    <t>Statement of Responsibility: a Jacobo Thevart ... authoris pronepote, scholiis nonnullis illustrati, digesti, ac in lucem primum editi ... Adjecta est authoris vita, Publication Statement: 1635-36, Dimensions: 23 cm, Bibliographical Note: T.p. in red and black, with printer's device; Only book one has date: 1635., Collection: Heberden, Class Number: 61, priref: 60937</t>
  </si>
  <si>
    <t>List of documents submitted to the Leprosy Committee</t>
  </si>
  <si>
    <t>April 30, 1863</t>
  </si>
  <si>
    <t xml:space="preserve">List of documents submitted to the Leprosy Committee </t>
  </si>
  <si>
    <t>Administrative Papers</t>
  </si>
  <si>
    <t>In Memoriam: Biographical Sketch of the Late Frank P. Foster</t>
  </si>
  <si>
    <t>August 19 and 26, and September 16, 1911</t>
  </si>
  <si>
    <t>August 19-September 16, 1911</t>
  </si>
  <si>
    <t>A. R. Elliott Publishing Company</t>
  </si>
  <si>
    <t>Illustrations: portrait, Dimensions: 21 cm, Genre: Biographies, Class Number: 92 FOS, priref: 17048</t>
  </si>
  <si>
    <t>40.7127753,-74.0059728</t>
  </si>
  <si>
    <t>Frank P Foster</t>
  </si>
  <si>
    <t>Arithmeticae Libri dvo: Geometriae septem et viginti</t>
  </si>
  <si>
    <t>MDXCIX</t>
  </si>
  <si>
    <t>apud Andreae Wecheli heredes, Claud. Marnium. &amp; Ioan. Aubrium</t>
  </si>
  <si>
    <t>Dimensions: 16 cm, Bibliographical Note: Bound with Cicero, M.T. Rhetorica. 1542., Collection: Dorchester, priref: 38326</t>
  </si>
  <si>
    <t>Pierre de la Ramee, Lazarus Schoner</t>
  </si>
  <si>
    <t>Galeni Opera â€¦ De differe[n]tijs morboru[m] libri duo. De i[n]equali inte[m]peratura liber vnus. De arte curatiua ad Glaucone[m] libri duo. De crisibus libri tres</t>
  </si>
  <si>
    <t>In officina Henrici Stephaniâ€¦</t>
  </si>
  <si>
    <t>Statement of Responsibility: N.Leoniceno interprete, Publication Statement: 1514, Dimensions: 22 cm., Provenance: Book-plate: Cox, Charles F.; Autograph: Walter, James, Bibliographical Note: Imprint date from colophon; Signatures: pi1 a-b^8 c^4 d-e^6 f-k^8 l^4 m-s^8 t^4 (t4 blank); Contents: De differentiis morborum libri duo; De inaequali intemperatura liber unus; De arte curativa libri duo; de crisibus libri tres; Copy: Copious MS. notes.Few (?5) leaves lacking?, Class Number: 61, priref: 12336</t>
  </si>
  <si>
    <t xml:space="preserve">NiccolÃ² Leoniceno, </t>
  </si>
  <si>
    <t>Responsio ad admonitiones J. ab Horne, ut &amp; ad animadversiones P. Barbette in Anatomica Bilsiana; interprete G. Buenio</t>
  </si>
  <si>
    <t>MDCLXI</t>
  </si>
  <si>
    <t>Leers, Arnout</t>
  </si>
  <si>
    <t>Dimensions: 16 cm, Class Number: 61, priref: 2386</t>
  </si>
  <si>
    <t>G. Buenio, Lodewyk de Bils</t>
  </si>
  <si>
    <t>Some Disorders of the Spleen: Being the Lumleian Lectures for the Year 1904 Delivered before the Royal College of Physicians, London</t>
  </si>
  <si>
    <t>J. &amp; A. Churchill</t>
  </si>
  <si>
    <t>Statement of Responsibility: by Frederick Taylor, Corporate Author: Royal College of Physicians of London, Dimensions: 19 cm, Binding Method: Hardback, Provenance: Autograph: Taylor, Frederick, Series: Lumleian lectures, Series Number: 1904, Bibliographical Note: Includes bibliographical footnotes, Genre: Lectures, Other Names: Taylor, Frederick, 1847-1920 (Inscriber), Class Number: C042, priref: 31473</t>
  </si>
  <si>
    <t>Frederick Taylor</t>
  </si>
  <si>
    <t>The Goulstonian Lectures on Some Abnormal Psychical Conditions in Children</t>
  </si>
  <si>
    <t>March 4th, 6th, and 11th, 1902</t>
  </si>
  <si>
    <t>Lancet</t>
  </si>
  <si>
    <t>Statement of Responsibility: by George F. Still, Publication Statement: 1902, Dimensions: 22 cm, Series: Goulstonian lectures, Series Number: 1902, General Note: Reprinted from The Lancet, 12, 19, 26 April 1902, Collection: UK Medical Heritage Library, Genre: Lectures, Class Number: C042, Websites: &lt;a href=https://archive.org/details/rcplondon?&amp;and=b24976295""&gt;View online via the Internet Archive&lt;/a&gt;; &lt;a href=""http://wellcomelibrary.org/player/b24976295""&gt;View online via the Wellcome Library&lt;/a&gt;; &lt;a href=""https://ukmhl.historicaltexts.jisc.ac.uk/ukmhl-b24976295""&gt;View online via Jisc Historical Texts&lt;/a&gt;"", priref: 30888</t>
  </si>
  <si>
    <t>George Frederic Still</t>
  </si>
  <si>
    <t>Modern Developments of Harvey's Work: the Harveian Oration, 1894, Delivered before the Royal College of Physicians, October 18th 1894</t>
  </si>
  <si>
    <t>Macmillan &amp; Co.</t>
  </si>
  <si>
    <t>Statement of Responsibility: by T. Lauder Brunton, Dimensions: 22 cm, Binding Method: Hardback, Series: Harveian oration, Series Number: 1894, General Note: Another copy shelved at Bedford D2/64-d-10, Bibliographical Note: Includes bibliographical references, Citation Note: Evan Bedford library 180, Collection: Evan Bedford, Genre: Lectures, Class Number: C06.091.4, priref: 5309</t>
  </si>
  <si>
    <t>Thomas Lauder Brunton</t>
  </si>
  <si>
    <t>Historia breuis Thomae VValsingham, ab Edwardo primo, ad Henricum quintum</t>
  </si>
  <si>
    <t>Bynneman, Henry</t>
  </si>
  <si>
    <t>Statement of Responsibility: Joannis Petri Ayroldi Marcellini opera &amp; industria fidelius elegantiusque nunc quam prius excusa ..., Dimensions: 31 cm, Collection: Dorchester, priref: 41468</t>
  </si>
  <si>
    <t>Thomas Walsingham</t>
  </si>
  <si>
    <t>Memoir of M. Howard Fussell, M. D.</t>
  </si>
  <si>
    <t>College of Physicians of Philadelphia</t>
  </si>
  <si>
    <t>Statement of Responsibility: von S. Rahmer, Publication Statement: Berlin : Druck und Verlag von Georg Reimer, 1901, Dimensions: 20 cm, Bibliographical Note: Bibliog., Genre: Biographies, Class Number: 61:92 HEI, priref: 26219</t>
  </si>
  <si>
    <t>39.9525839,-75.1652215</t>
  </si>
  <si>
    <t>David Riesman</t>
  </si>
  <si>
    <t>The Mutual Relations and Influence of Law and Medicine: A Presidential Address</t>
  </si>
  <si>
    <t>Statement of Responsibility: by Sir John Tweedy, Dimensions: 22 cm, Class Number: 340.6, priref: 200006017</t>
  </si>
  <si>
    <t>Sir John Tweedy</t>
  </si>
  <si>
    <t>The Papers Set for the Examinations for the Diploma in Public Health of the Royal College of Physicians of London and the Royal College of Surgeons of England during the Year 1906</t>
  </si>
  <si>
    <t>Printed and Published by Taylor and Francis</t>
  </si>
  <si>
    <t>Corporate Author: Royal College of Surgeons of England; Royal College of Physicians of London, Publication Statement: 1887-1911, Dimensions: 25 cm, Class Number: C06.067.1, priref: 26883</t>
  </si>
  <si>
    <t>Analysis of the Waterâ€¦ Discovered by Boring in the Harbour of Bridlington, 1811</t>
  </si>
  <si>
    <t>December 1816</t>
  </si>
  <si>
    <t>December, 1816</t>
  </si>
  <si>
    <t>Printed by W.M. Thiselton</t>
  </si>
  <si>
    <t>Dimensions: 22 cm, priref: 16278</t>
  </si>
  <si>
    <t>The Lutrin: An Heroi-Comical Poem; to Which Is Prefix'd an Account of the Author's Writings, and This Translation by N. Rowe</t>
  </si>
  <si>
    <t>MDCCXXX</t>
  </si>
  <si>
    <t>G. Risk</t>
  </si>
  <si>
    <t>Dimensions: 17 cm, Bibliographical Note: Bound with, Garth, S. (Sir), 'The Dispensary', 1730., Other Names: Rowe, Nicolas (Translator), Class Number: C 8-1, priref: 4299</t>
  </si>
  <si>
    <t>53.3498053,-6.2603097</t>
  </si>
  <si>
    <t>Nicolas Boileau-Despreaux</t>
  </si>
  <si>
    <t>Apollonii PergÃ¦i Conicorvm lib. V. VI. VII</t>
  </si>
  <si>
    <t>Ex topographia Iosephi Cocchini ad insigne stellÃ¦</t>
  </si>
  <si>
    <t>Statement of Responsibility: Paraphraste Abalphato Asphahanensi nunc primum editi. Additus in calce Archimedis assumptorum liber, ex codicibus arabicis M.SS ... Abrahamus Ecchellensis ... latinos reddidit ; Io. Alfonsus Borellus ... curam in geomericis versioni contulit, &amp; notas uberirores in universum opus adiecit., Publication Statement: MDCLXI, Illustrations: ill., Dimensions: 32 cm, General Note: First fly leaf recto: au - 10 5 20 40 - 3.6 12. 24 Former shelfmark ?, Bibliographical Note: Title in red and black; With a preliminary half-title page; Errata: p. 415; Includes index; Initials, head- and tail-pieces; Printed register at foot of p. 414; Some MS notes throughout, in one hand from around XVII century., Collection: Dorchester, priref: 35484</t>
  </si>
  <si>
    <t>Giovanni Alfonso Borelli, , , Abraham Ecchelensis</t>
  </si>
  <si>
    <t>The Papers Set for the Examinations for the Diploma in Public Health of the Royal College of Physicians of London and the Royal College of Surgeons of England during the Year 1903</t>
  </si>
  <si>
    <t>PRINTED AND PUBLISHED BY TAYLOR AND FRANCIS</t>
  </si>
  <si>
    <t>De dyspepsia</t>
  </si>
  <si>
    <t>3. Octobr. MDCLXXIX</t>
  </si>
  <si>
    <t>October 3, 1679</t>
  </si>
  <si>
    <t>C. Scholvini (literis)</t>
  </si>
  <si>
    <t>Publication Statement: 1679, Dimensions: 23cms, Bibliographical Note: Dissertation. H.C.Kunne respondent., Other Names: Kunne, Heinrich Christopher (Respondent), priref: 27312</t>
  </si>
  <si>
    <t>Augustus Quirinus Rivinus</t>
  </si>
  <si>
    <t>Report of the Thirteenth Annual Meeting of the London Mesmeric Infirmary, 36 Weymouth Street, Portland Place, Held in Willis's Rooms, King Street, St. James's, on Tuesday, the 17th of June, 1862</t>
  </si>
  <si>
    <t>Mitchell and Son</t>
  </si>
  <si>
    <t>Statement of Responsibility: by Thomas Laycock, Dimensions: 20 cm, Provenance: Autograph on pastedown: From the library of Sir Andrew Clark. Presented by Lady Clark, Bibliographical Note: Includes bibliographic footnotes and index, Other Names: Clark, Andrew, 1826-1893 (Former owner); Clark, Helen Annette, -1922 (Donor), Class Number: 61.001.5, priref: 19340</t>
  </si>
  <si>
    <t>The Royal Sufferer or, Letters on the Malady of the Sovereign</t>
  </si>
  <si>
    <t>For the Author</t>
  </si>
  <si>
    <t>Dimensions: 22 cm, priref: 8624</t>
  </si>
  <si>
    <t>Charles Dunne</t>
  </si>
  <si>
    <t>D. m. i. de obesitate nimia. [Praefixa est epistola qua J. Fechtio de filio E. H. Fechtio gratulatur et ad ipsius disputationem solennem de obesitate nimia invitat J. E. S.]</t>
  </si>
  <si>
    <t>J. Wepplingii (typis)</t>
  </si>
  <si>
    <t>Publication Statement: 1701, Dimensions: 21 cm, Other Names: Fecht, Ernst Heinrich (Respondent); Schaper, Johann Ernst (Praeses), priref: 28699</t>
  </si>
  <si>
    <t>D. m.-chimica de oleis destillatis</t>
  </si>
  <si>
    <t>MDCXCVI</t>
  </si>
  <si>
    <t>Nisianis (litteris)</t>
  </si>
  <si>
    <t>Dimensions: 20 cms, priref: 32207</t>
  </si>
  <si>
    <t>-16.34788,145.41215</t>
  </si>
  <si>
    <t>Notes Sur Une Ã©pidÃ©mie de Suette Miliaire Dans les Charentes et les Deux-SÃ¨vres, en 1906</t>
  </si>
  <si>
    <t>Maloine</t>
  </si>
  <si>
    <t>Statement of Responsibility: Dr Emerit, Dimensions: 25 cm, Class Number: 616.918, priref: 9995</t>
  </si>
  <si>
    <t>French</t>
  </si>
  <si>
    <t>48.856614,2.3522219</t>
  </si>
  <si>
    <t>The Emoluments of the Medical Profession, and the Means of Attaining Them: An Introductory Address Delivered at Sydenham College, Birmingham, October 1st, 1856, on Occasion of the Opening of the Winter Session</t>
  </si>
  <si>
    <t>October 1st, 1856</t>
  </si>
  <si>
    <t>The Council</t>
  </si>
  <si>
    <t>Statement of Responsibility: by George Elkington, Dimensions: 21 cm, Class Number: 614.25, priref: 9918</t>
  </si>
  <si>
    <t>33.5199918,-86.8108353</t>
  </si>
  <si>
    <t>George Elkington</t>
  </si>
  <si>
    <t>Albohazen haly Filii abenragel libri de iudiciis astrorum</t>
  </si>
  <si>
    <t>MDLI</t>
  </si>
  <si>
    <t>Ex officina Henrichi Petri</t>
  </si>
  <si>
    <t>Statement of Responsibility: Published by his son, Dimensions: 28 cm, Provenance: Autograph: Baillie, Matthew, General Note: Report of the post-mortem upon Lord Walpole pp.440-3, Other Names: Baillie, Matthew, 1761-1823 (Donor), Class Number: 61, priref: 34851</t>
  </si>
  <si>
    <t>47.5595986,7.5885761</t>
  </si>
  <si>
    <t>Ali Ibn Abi al-Rijal, Antonius Stupa</t>
  </si>
  <si>
    <t>PharmacopÅ“ia Londinensis</t>
  </si>
  <si>
    <t>J. Marriott</t>
  </si>
  <si>
    <t>Corporate Author: Royal College of Physicians of London, Dimensions: 30 cm, Provenance: Copy number 18375: Book-plate: Cony, Robert; Copy number 18375: Autograph: Hamey, Baldwin, Series: Pharmacopoeia Londinensis, Series Number: revision 1, Bibliographical Note: The date in the printer's address is 1638; that of the title-page, which is engraved, has been altered with a pen to 1639.; Copy number 18375 interleaved with MS notes by Dr. Baldwin Hamey., Citation Note: STC 16776, Genre: Annotations; Engraved illustrations, Other Names: Hamey, Baldwin, 1600-1676 (Former owner), Class Number: 615.11(42), priref: 17320</t>
  </si>
  <si>
    <t>The Papers Set for the Examinations for the Diploma in Public Health of the Royal College of Physicians of London and the Royal College of Surgeons of England, during the Year 1892</t>
  </si>
  <si>
    <t>Hieronymi Cardani Mediolanensis, civisqv'e Bononiensis, philosophi, medici et mathematici clarissimi, Opvs novvm de proportionibvs nvmerorvm, motvvm, pondervm, sonorvm, aliarvmqv'e rervm mensurandarum, non solÃ¹m geometrico more stabilitum, sed etiam uarijs experimentis &amp; obseruationibus rerum in natura, solerti demonstratione illustratum, ad multiplices usus accommodatum, &amp; in V libros digestum. Praeterea. Artis magnÃ¦, sive de regvlis algebraicis, liber vnvs, abstrvsissimvs &amp; inexhaustus plane totius arithmeticÃ¦ thesaurus, ab authore recens multis in locis recognitus &amp; auctus. Item. De aliza regvla liber, hoc est, algebraicÃ¦ logisticÃ¦ suÃ¦, numeros recondita numerandi subtilitate, secundum geometricas quantitates inquirentis, necessaria coronis, nunc demum in lucem edita</t>
  </si>
  <si>
    <t>Ex officina Henricpetrina</t>
  </si>
  <si>
    <t>Publication Statement: anno salutis M.D.LXX. Mense Martio., Illustrations: ill. (woodcuts)., Dimensions: 32 cm, Provenance: Annotation on title-page, foot: 'd'; Annotations on title-page, head: 'T~181'; '52 D.7' same as spine red book-label; 'H - 8-8' Former shelfmarks; Annotation on title-page, left: unidentified, Bibliographical Note: Printer and date from colophon; Device of the Officina Henricpetrina on title page; a variant on last verso; Each work has separate paging and signatures., Summary: Other titles: Opus novum de proportionibus numerorum, motuum, ponderum, sonorum, aliarumque rerum mensurandarum, non solum geometrico more stabilitum, sed etiam variis experimentis &amp; observationibus rerum in natura, solerti demonstratione illustratum, ad multiplices usus accommodatum, &amp; in V libros digestum., Collection: Dorchester, Genre: Annotations, Images: CN 8053 - Hieronymi Cardani Mediolanensis_Cardano, 1570.JPG, priref: 36184</t>
  </si>
  <si>
    <t>Girolamo Cardano</t>
  </si>
  <si>
    <t>The Cow Pox Chronicle or, Medical Reporter</t>
  </si>
  <si>
    <t>Printed by D. Chalmers</t>
  </si>
  <si>
    <t>Dimensions: 34 cm, Class Number: 616.912-085.371, priref: 7608</t>
  </si>
  <si>
    <t>Commentarivs de prÃ¦cipvis generibvs divinationvm: in qvo a prophetiis autoritate diuina traditis, &amp; Ã  physicis coniecturis, discernuntur artes &amp; imposturÃ¦ DiabolicÃ¦, atq [ue] obseruationes natÃ¦ ex superstitione &amp; cum hac coniunctÃ¦: Et monstrantur fontes ac causÃ¦ Physicarum prÃ¦dictionum: DiabolicÃ¦ verÃ² ac superstitiosÃ¦ confutatÃ¦ damnantur ea serie, quam tabella prÃ¦fixa ostendit</t>
  </si>
  <si>
    <t>MDLXXI</t>
  </si>
  <si>
    <t>Lvfft</t>
  </si>
  <si>
    <t>Publication Statement: 1603-5, Dimensions: 24 cm, Collection: Dorchester, priref: 39333</t>
  </si>
  <si>
    <t>casparo Pevcero</t>
  </si>
  <si>
    <t>Phoenicis siue Consecrationis Augustae liber vnus : ad diuum Philippum Hispaniarum, Neapolis, Siciliae, &amp;c. regem</t>
  </si>
  <si>
    <t>Silvius, Willem,-1580</t>
  </si>
  <si>
    <t>Publication Statement: Antuuerpiae : Ex officina Gulielmi Syluij, typographi regij, 1562, Illustrations: portraits, Dimensions: 24 cm, Provenance: Copy 10429: Roberts and Watson note that it 'is probably Dee's but has no notes'., General Note: Copy 10429: Dorchester No. D133/2, Citation Note: Copy 10429: Roberts and Watson, 479, Collection: John Dee; Dorchester, Other Names: Dorchester, Henry Pierrepont, Marquis of, 1606-1680 (Donor), priref: 41559</t>
  </si>
  <si>
    <t>51.2194475,4.4024643</t>
  </si>
  <si>
    <t>Johannes Voerthusius</t>
  </si>
  <si>
    <t>Oratio anniversariaâ€¦ ex Harvaei instituto, 1747 (Harveian Oration, 1747)</t>
  </si>
  <si>
    <t>MDCCXLVII</t>
  </si>
  <si>
    <t>Whiston, John</t>
  </si>
  <si>
    <t>Dimensions: 23, 30, 27 cm, Series: Harveian oration, Series Number: 1747, General Note: 21399-5: No.13 in a volume lettered 'Orationes Harvaeinae, 1697-1747'; 21440-14: No.4 in a volume lettered 'Orationes Harveianae, 1744-74'; 21416-5: No.9 in a volume lettered 'Orationes Harveianae, 1738-48', Class Number: C06.091.4, priref: 14359</t>
  </si>
  <si>
    <t>James Hawley</t>
  </si>
  <si>
    <t>The Harveian Oration on the Influence of Harvey's Work in the Development of the Doctrine of Infection and Immunity: Delivered before the Royal College of Physicians of London, on October 18th, 1913</t>
  </si>
  <si>
    <t>Cassell &amp; Company</t>
  </si>
  <si>
    <t>Statement of Responsibility: by J. Mitchell Bruce, Dimensions: 22 cm, Binding Method: Hardback, Series: Harveian oration, Series Number: 1913, Genre: Lectures, Class Number: C06.091.4, priref: 5204</t>
  </si>
  <si>
    <t>J. Mitchell Bruce</t>
  </si>
  <si>
    <t>Hints to Prevent the Spread of Consumption</t>
  </si>
  <si>
    <t>Publication Statement: 1800's, Dimensions: 22 cm, priref: 15161</t>
  </si>
  <si>
    <t>Ioannis Tritemij Abbatis Spanheymensis De septem secundeis, id est, intelligentijs, siue spiritibus orbes post Deum mouentibus, reconditissimÃ¦ scientiÃ¦ &amp; eruditionis libellus, â€¦ AdiectÃ¦ sunt aliquot epistolÃ¦ ex opere Epistolarum Io. Tritemij vtilissimÃ¦</t>
  </si>
  <si>
    <t>MDLXVII</t>
  </si>
  <si>
    <t>Birckman, Arnold</t>
  </si>
  <si>
    <t>Publication Statement: Coloniae : apud Ioannem Birckmannum, anno M.D. LXVII., Illustrations: woodcut illustrations, Dimensions: 16 cm (8vo), Binding: 20th-century half calf over cloth rebind, with earlier sprinkled edges., Provenance: Copy 10616: Roberts and Watson note 'underlinings only, but is probably Dee's'.; Copy 10616: former shelf-mark on title page: 'A-29'., General Note: Woodcuts by Hans Sebald Beham. cf. A.C. Caillet, Manuel bibl. des. sci. psychiques ou occultes.; Copy 10616: Dorchester No. D146/2, Citation Note: Copy 10616: Roberts and Watson, 969, Exhibition Note: Scholar, courtier, magician : the lost library of John Dee, Collection: John Dee; Dorchester, Genre: Shelf marks; Sprinkled edges; Woodcut illustrations; Annotations, Other Names: Dee, John, 1527-1608 (Former owner); Dorchester, Henry Pierrepont, Marquis of, 1606-1680 (Donor); Beham, Hans Sebald, 1500-1550 (Illustrator), priref: 41323</t>
  </si>
  <si>
    <t>50.937531,6.9602786</t>
  </si>
  <si>
    <t>Johannes Trithemius</t>
  </si>
  <si>
    <t>D. i. varias positiones medicas continens</t>
  </si>
  <si>
    <t>MDCXCIII</t>
  </si>
  <si>
    <t>apud A. Elzevier</t>
  </si>
  <si>
    <t>Dimensions: 23cms, priref: 27338</t>
  </si>
  <si>
    <t>52.1601144,4.4970097</t>
  </si>
  <si>
    <t>Laurentius Roberg</t>
  </si>
  <si>
    <t>The Medical Student: A Student in Science</t>
  </si>
  <si>
    <t>MDCCCLV</t>
  </si>
  <si>
    <t>John Churchill</t>
  </si>
  <si>
    <t>Dimensions: 22 cm, priref: 13787</t>
  </si>
  <si>
    <t>Lionel Smith Beale</t>
  </si>
  <si>
    <t>Guidonis Bonati Foroliuiensis mathematici de astronomia tractatus X. : vniuersum quod ad iudiciariam rationem natiuitatum, aeris, tempestatum, attinet, comprehendentes</t>
  </si>
  <si>
    <t>KÃ¼ndig, Jakob</t>
  </si>
  <si>
    <t xml:space="preserve">Guido Bonatti, , </t>
  </si>
  <si>
    <t>Methodus curandi febres</t>
  </si>
  <si>
    <t>MDCLXVIII</t>
  </si>
  <si>
    <t>imp. J. Crook</t>
  </si>
  <si>
    <t>Dimensions: 21 cm, Class Number: 618, priref: 30664</t>
  </si>
  <si>
    <t>ThomÃ¦ Sydenham</t>
  </si>
  <si>
    <t>Vier Vorlesungen aus der allgemeinen Pathologie des Nervensystems: gehalten vor dem Royal College of Physicians of London, am 19., 21., 26. und 28. Juni 1900</t>
  </si>
  <si>
    <t>Verlag von J. F. Bergmann</t>
  </si>
  <si>
    <t>Statement of Responsibility: Ã¼bersetzt von Dr. Wallach, Publication Statement: Wiesbaden : J.F. Bergmann, 1902, Illustrations: illustrations, Dimensions: 26 cm, Series: Croonian lectures, Series Number: 1900, Bibliographical Note: Bibliography, Collection: UK Medical Heritage Library, Genre: Lectures, Other Names: Wallach, Dr (Translator), Class Number: C042, Websites: &lt;a href=https://archive.org/details/rcplondon?&amp;and=b24975709""&gt;View online via the Internet Archive&lt;/a&gt;; &lt;a href=""http://wellcomelibrary.org/player/b24975709""&gt;View online via the Wellcome Library&lt;/a&gt;; &lt;a href=""https://ukmhl.historicaltexts.jisc.ac.uk/ukmhl-b24975709""&gt;View online via Jisc Historical Texts&lt;/a&gt;"", priref: 22755</t>
  </si>
  <si>
    <t>German</t>
  </si>
  <si>
    <t>50.0782184,8.2397608</t>
  </si>
  <si>
    <t>D. m. i. de aquÃ¦ communis viribus medicatis</t>
  </si>
  <si>
    <t>MDCCLXI</t>
  </si>
  <si>
    <t>Hamilton, Balfour and Neill</t>
  </si>
  <si>
    <t>Dimensions: 18cm, priref: 31448</t>
  </si>
  <si>
    <t>55.953252,-3.188267</t>
  </si>
  <si>
    <t>David Rattray</t>
  </si>
  <si>
    <t>Organologie: article extrait de l'EncyclopÃ©die moderne</t>
  </si>
  <si>
    <t>Statement of Responsibility: by John Elliotson, Corporate Author: Royal Medical and Chirurgical Society of London, Dimensions: 23 cm, General Note: On title page: From the twelfth volume of the Medico-Chirurgical Transactions, published by the Medical and Chirurgical Society of London.; At head of pages: Dr. Elliotson on quinina., Bibliographical Note: Includes bibliographical footnotes., priref: 9929</t>
  </si>
  <si>
    <t>Jean-Antoine-Laurent Fossati</t>
  </si>
  <si>
    <t>Symbolvm fidei IvdÃ¦orvm Ã© R. Mose Aegyptio: Praecationes eorvmdem pro defunctis, Ã¨ lib. Mahzor. Aliae, in quibus commemorationem suorum diuorum faciunt. Aliae pro his, qui despondentur &amp; coniuga[n]tur, Ã¨ Breuiario Hebraeorum. Sexcenta tredecim legis praecepta, Ã¨ More Nebuchim</t>
  </si>
  <si>
    <t>MDLXIX</t>
  </si>
  <si>
    <t>Le Jeune, Martin</t>
  </si>
  <si>
    <t>Statement of Responsibility: interprete G. Genebrardo theologo Parisiensi, Publication Statement: Parisiis : Apud Martinum Iuuenem, via S. Ioannis Lateranensis, at insigne Serpentis, 1569, Dimensions: 16 cm, Provenance: Copy number 10478: Roberts and Watson note that this copy, in contemporary limp vellum, Series: has no markings but may be Dee's""."", Bibliographical Note: Copy number 10478: Dorchester number D148/18, Summary: Roberts and Watson, 2046, Preservation Note: Latin, Other Names: Vellum bindings, Class Number: Genebrard, Gilbert, 1537-1597 (Translator); Dorchester, Henry Pierrepont, Marquis of, 1606-1680 (Donor), Child: 38619</t>
  </si>
  <si>
    <t>Moses Maimonides</t>
  </si>
  <si>
    <t>Cl. Galeni Pergameni De cognoscendis, curandisque animi morbis, quas perturbationes Latini appellant</t>
  </si>
  <si>
    <t>MDXXXVIII</t>
  </si>
  <si>
    <t>Eredi di Ottaviano Scoto</t>
  </si>
  <si>
    <t>Illustrations: ill., Dimensions: 20 cm, Bibliographical Note: Wing G675., Class Number: 611(02)'16', priref: 12203</t>
  </si>
  <si>
    <t>45.4408474,12.3155151</t>
  </si>
  <si>
    <t>Regulations for the Admission of Children into Christ's-Hospital, London</t>
  </si>
  <si>
    <t>Statement of Responsibility: by S. Perry, Dimensions: 20 cm, Binding: Rebound in half calf. With marbled boards; black spine book-label. New extra endpapers., General Note: With half-title page., Collection: Heberden; UK Medical Heritage Library, Websites: &lt;a href=http://wellcomelibrary.org/player/b28148447""&gt;View online via the Wellcome Library&lt;/a&gt;; &lt;a href=""https://archive.org/details/rcplondon?&amp;and=b28148447""&gt;View online via the Internet Archive&lt;/a&gt;; &lt;a href=""https://ukmhl.historicaltexts.jisc.ac.uk/ukmhl-b28148447""&gt;View online via Jisc Historical Texts&lt;/a&gt;"", priref: 48085</t>
  </si>
  <si>
    <t>D. m. de ophthalmia</t>
  </si>
  <si>
    <t>MDCCXIII</t>
  </si>
  <si>
    <t>literis C. Krebsii</t>
  </si>
  <si>
    <t>Publication Statement: 1713, Dimensions: 23cms, Bibliographical Note: Dissertation. G.W.Wedel praeses., priref: 28958</t>
  </si>
  <si>
    <t>Christian Ludwig Schnetter</t>
  </si>
  <si>
    <t>Practical Observations on the Cure of Hectic and Slow Fevers, and the Pulmonary Consumption: Added, a Method of Treating Several Kinds of Internal Hemorrhages. New Edition</t>
  </si>
  <si>
    <t>J. Callow</t>
  </si>
  <si>
    <t>Dimensions: 17, 18 cm, General Note: 21883, 21885, 54198: The f.A1, a blank leaf, is missing in three copies; 21885: copy does not have the A2, or imprimatur, leaf, nor the A8 leaf, Citation Note: Wing G1090, Class Number: C9, priref: 12608</t>
  </si>
  <si>
    <t>Griffith Moses</t>
  </si>
  <si>
    <t>On the Temperature of Children in Health and Disease</t>
  </si>
  <si>
    <t>Samuel Highley</t>
  </si>
  <si>
    <t>Statement of Responsibility: eruditorum examini subjicit Gulielmus Whitworth, Anglus, Societ. Reg. Med. Edin. Socius, Publication Statement: Edinburgi : Excudebat P. Neill, MDCCCXXIII, Dimensions: 22 cm, Binding: Rebound in marbled boards and spine book-label. New and extra endpapers, Collection: Heberden; UK Medical Heritage Library, Websites: &lt;a href=http://wellcomelibrary.org/player/b2814899x""&gt;View online via the Wellcome Library&lt;/a&gt;; &lt;a href=""https://archive.org/details/rcplondon?&amp;and=b2814899x""&gt;View online via the Internet Archive&lt;/a&gt;; &lt;a href=""https://ukmhl.historicaltexts.jisc.ac.uk/ukmhl-b2814899x""&gt;View online via Jisc Historical Texts&lt;/a&gt;"", priref: 48449</t>
  </si>
  <si>
    <t>Henri Louis Roger</t>
  </si>
  <si>
    <t>Regulations Relating to Medical Degrees</t>
  </si>
  <si>
    <t>Corporate Author: University of Cambridge, Dimensions: 22 cm, Provenance: Donated by A. Kurakim, Other Names: Kurakim, A. (Donor), Class Number: 378.4:61</t>
  </si>
  <si>
    <t>On the Mortality of the Small-Pox, with a Comparative Statement of the Effects of Variolous and Vaccine Inoculation. [Anon.]</t>
  </si>
  <si>
    <t>Swan and Son, Printers</t>
  </si>
  <si>
    <t>Publication Statement: 1806, Dimensions: 22cms, Bibliographical Note: MS. note: Compiled by T.Pruen., priref: 26678</t>
  </si>
  <si>
    <t>Thomas Pruen</t>
  </si>
  <si>
    <t>A Letter to a Lady on the Best Means of Obtaining the Milk, in Order to the Suckling of the Infant. [Anon.]</t>
  </si>
  <si>
    <t>MDCCLXXVII</t>
  </si>
  <si>
    <t>Baker &amp; Galabin</t>
  </si>
  <si>
    <t>Publication Statement: 1690, Dimensions: 23 cm, Bibliographical Note: J.G. Rudolff and J.H. Holtzmann were the respondents for this dissertation.; Two parts., priref: 4038</t>
  </si>
  <si>
    <t>Sarah Brown</t>
  </si>
  <si>
    <t>Historia medica de dysenteria bilioso-contagiosa, quÃ¦ MDCCXXXVI Neomagi â€¦ epidemice grassata fuit. Accedit relatio historica â€¦ de morte per mercurium sublim. in emplastro applicatum, inducta</t>
  </si>
  <si>
    <t>MDCCXXXVIII</t>
  </si>
  <si>
    <t>apud S. Neaulme</t>
  </si>
  <si>
    <t>Publication Statement: 1760's, Dimensions: 20cms, Bibliographical Note: This book was printed for the author., priref: 8071</t>
  </si>
  <si>
    <t>Johann Hartmann Degeneri</t>
  </si>
  <si>
    <t>Gnomologia: Adagies and Proverbs: Wise Sentences and Witty Sayingsâ€¦ Collected by T. F.</t>
  </si>
  <si>
    <t>MDCCXXXIII</t>
  </si>
  <si>
    <t>S. Brock</t>
  </si>
  <si>
    <t>Dimensions: 17 cm, Binding Method: Hardback, Class Number: C08 FUL, priref: 36999</t>
  </si>
  <si>
    <t>Propempticon inaugurale de isagoge practica. [cum vita candidati G. Glockengiesser]</t>
  </si>
  <si>
    <t>Illustrations: tables, Dimensions: 21 cm, priref: 7221</t>
  </si>
  <si>
    <t>Slovak</t>
  </si>
  <si>
    <t>Georg Glockengiesser</t>
  </si>
  <si>
    <t>Oratio anniversaria â€¦ ex Harvei instituto, MDCCLIV (Harveian Oration, 1754)</t>
  </si>
  <si>
    <t>MDCCLV</t>
  </si>
  <si>
    <t>Apud R. et J. Dodsley</t>
  </si>
  <si>
    <t>Dimensions: 27 cm, Series: Harveian oration, Series Number: 1754, General Note: 21440-12: No.10 in a volume lettered 'Orationes Harveianae, 1744-74', Class Number: C06.091.4, priref: 13656</t>
  </si>
  <si>
    <t>John Thomas Batt</t>
  </si>
  <si>
    <t>Certain necessary directions, aswell for the cure of the plague, as for preuenting the infection; with many easie medicines of small charge, very profitable to his Maiesties subiects</t>
  </si>
  <si>
    <t>Barker, Robert</t>
  </si>
  <si>
    <t>Statement of Responsibility: Set downe by the Colledge of Physicians by the Kings Maiesties speciall command. With sundry orders thought meet by his Maiestie, and his Priuie Councell, to be carefully executed for preuention of the plague. Also certaine select statutes commanded by His Maiestie to be put in execution by all iustices, and other officers of the peace throughout the realme; together with His Maiesties proclamation for further direction therein: and a decree in Starre-Chamber, concerning buildings and in-mates., Corporate Author: Royal College of Physicians of London, Publication Statement: Imprinted at London : By Robert Barker, printer to the Kings most excellent Maiestie: and by the assignes of Iohn Bill, 1636, Illustrations: illustrations (woodcuts), Dimensions: 18 cm (4to), General Note: The first leaf is blank except for signature-mark A"" within a mortised ornament.; In this edition C1r has catchword ""demenour"".; Copy number 21778: Lacks leaves A1-4 and leaves S3-4."", Citation Note: ESTC S108814, Genre: Woodcut illustrations, Class Number: C616.923, priref: 45039</t>
  </si>
  <si>
    <t>Cholera: Memorial to the Privy Council</t>
  </si>
  <si>
    <t>September 1865</t>
  </si>
  <si>
    <t>[Epidemiological Society]</t>
  </si>
  <si>
    <t>Statement of Responsibility: Gavin Milroy, president ; J. N. Radcliffe, secretary, Publication Statement: 1865, Dimensions: 22 cm, General Note: Gavin Milroy, president of the Epidemiological Society (1865), Class Number: 616.932, priref: 10060</t>
  </si>
  <si>
    <t>Gavin Milroy</t>
  </si>
  <si>
    <t>De occultis qualitatibus</t>
  </si>
  <si>
    <t>D.27.Febr. An. MDCLXVII</t>
  </si>
  <si>
    <t>February 27, 1667</t>
  </si>
  <si>
    <t>literis M. Wendt</t>
  </si>
  <si>
    <t>Dimensions: 21 cm, priref: 8926</t>
  </si>
  <si>
    <t>Christian Donatus</t>
  </si>
  <si>
    <t>Presidential Address to the Royal College of Physicians April 9th, 1906</t>
  </si>
  <si>
    <t>Harrison &amp; Sons</t>
  </si>
  <si>
    <t>Statement of Responsibility: von Franz Ludwig von Neugebauer, Publication Statement: Leipzig : Werner Klinkhardt, 1908, Illustrations: illustrations, Dimensions: 28 cm, Binding Method: Hardback, Provenance: Book-plate: Dawson gift, Genre: Donors' book-plates, Other Names: Dawson, Bertrand Edward Dawson, Viscount, -1945 (Donor), Class Number: 016:612.608, priref: 23651</t>
  </si>
  <si>
    <t>Sir Richard Douglas Powell</t>
  </si>
  <si>
    <t>Art. IX-On Death by Hanging, with an Account of the Execution of a Murderer, and the Subsequent Examination of the Body</t>
  </si>
  <si>
    <t>Statement of Responsibility: By Charles Croker King., Publication Statement: 1854, Dimensions: 22 cm, Bibliographical Note: Catalogued from head of text; Extract from the, 'Dublin Journal of Medical Science', no.25, August 1854; One copy bound in volume lettered Medico-legal tracts, 7., Class Number: 340.6, priref: 18025</t>
  </si>
  <si>
    <t>Charles Croker King</t>
  </si>
  <si>
    <t>Disputatio m.i. de cholera morbo</t>
  </si>
  <si>
    <t>MDCLXIV</t>
  </si>
  <si>
    <t>apud viduam &amp; haeredes J. Elsevirii</t>
  </si>
  <si>
    <t>Dimensions: 23 cm, priref: 18739</t>
  </si>
  <si>
    <t>Josias Lane</t>
  </si>
  <si>
    <t>The Treatment of Wounded Men in Regimental Aid Posts and Field Ambulances</t>
  </si>
  <si>
    <t>[3rd Field Survey Co., R. E.]</t>
  </si>
  <si>
    <t>Statement of Responsibility: by Temp. Colonel H. M. W. Gray and Captain K. M. Walker, Publication Statement: 1917, Illustrations: illustrations, Dimensions: 18 cm, Binding Method: Paperback, Provenance: Inscription inside rear cover: 'Printed on the field: 1917. Presented by Dr Dawson Williams to the college April 15 1918', General Note: Contains a poster entitled 'Splints for use in advanced medical units'; At head of title: Third Army, Other Names: Williams, Dawson, 1854-1928 (Donor), Class Number: 61:355, priref: 13034</t>
  </si>
  <si>
    <t>Sir Henry MacIlree Williamson Gray, Kenneth Macfarlane Walker</t>
  </si>
  <si>
    <t>On the Application of Electrolysis to the Detection of the Poisonous Metals in Mixtures Containing Organic Matters</t>
  </si>
  <si>
    <t>Statement of Responsibility: par F. Barrier, Publication Statement: Paris : F. Chamerot, 1861, Dimensions: 24 cm, Bibliographical Note: Bibliog., Collection: UK Medical Heritage Library, Class Number: 616-053.2, Websites: &lt;a href=https://archive.org/details/rcplondon?&amp;and=b24989848""&gt;View online via the Internet Archive&lt;/a&gt;; &lt;a href=""http://wellcomelibrary.org/player/b24989848""&gt;View online via the Wellcome Library&lt;/a&gt;; &lt;a href=""https://ukmhl.historicaltexts.jisc.ac.uk/ukmhl-b24989848""&gt;View online via Jisc Historical Texts&lt;/a&gt;"", priref: 3125</t>
  </si>
  <si>
    <t>Charles Loudon Bloxam</t>
  </si>
  <si>
    <t>Alphabetical List of Diseases and Causes of Death: Reprinted for the Use of Registrars of Death from the Second Edition of the Nomenclature of Diseases Drawn up by the Royal College of Physicians of London</t>
  </si>
  <si>
    <t>31st July 1886</t>
  </si>
  <si>
    <t>July 31, 1886</t>
  </si>
  <si>
    <t>Printed by Eyre and Spottiswoode</t>
  </si>
  <si>
    <t>Corporate Author: Great Britain. General Register Office., Dimensions: 22 cm, Provenance: Association: Glasspoole, F.R., Collection: UK Medical Heritage Library, Other Names: Glasspoole, F.R. (Associated name), Class Number: C616, Websites: &lt;a href=https://archive.org/details/rcplondon?&amp;and=b24976702""&gt;View online via the Internet Archive&lt;/a&gt;; &lt;a href=""http://wellcomelibrary.org/player/b24976702""&gt;View online via the Wellcome Library&lt;/a&gt;; &lt;a href=""https://ukmhl.historicaltexts.jisc.ac.uk/ukmhl-b24976702""&gt;View online via Jisc Historical Texts&lt;/a&gt;"", priref: 42335</t>
  </si>
  <si>
    <t>De affectibus animi et morbis inde oriundis dissertation : habita Cantabrigiae in scholis publicis Vto Kalend. Februarias A.D. MDCCLV</t>
  </si>
  <si>
    <t>apud G. Thurlbourn et T. Merrill</t>
  </si>
  <si>
    <t>Dimensions: 22 cm, Binding Method: Hardback, Bibliographical Note: 21533-5: No. 3 in a volume lettered 'Orationes Harveianae, 1752-66', Class Number: C06.091.4, priref: 2303</t>
  </si>
  <si>
    <t>42.3736158,-71.1097335</t>
  </si>
  <si>
    <t>Sir George Baker</t>
  </si>
  <si>
    <t>Presidential Address to the Royal College of Physicians March 25th, 1907</t>
  </si>
  <si>
    <t>R. Douglas Powell</t>
  </si>
  <si>
    <t>De re cibaria libri xxii</t>
  </si>
  <si>
    <t>MDC</t>
  </si>
  <si>
    <t>Ex officina Paltheniana</t>
  </si>
  <si>
    <t>Illustrations: ill., Dimensions: 17 cm, Class Number: 11, priref: 4195</t>
  </si>
  <si>
    <t>Jean Baptiste Brvyerino</t>
  </si>
  <si>
    <t>Conformatio Horologiorvm Sciotericorvm in Svperficiebvs Planis Vtcvnqve Sitis â€¦ Ac Tabulis Sinuum</t>
  </si>
  <si>
    <t>MDLXXVI</t>
  </si>
  <si>
    <t>[J. Meyer (excud.)]</t>
  </si>
  <si>
    <t>Dimensions: 20 cm, Provenance: Autograph on title page: unidentified (cropped); Annotation on title page: unidentified, Collection: Dorchester, Genre: Autographs; Annotations, Images: CN 7615 - Conformatio horologiorum_Witekind, 1576.JPG, priref: 41816</t>
  </si>
  <si>
    <t>Hermann Witekind</t>
  </si>
  <si>
    <t>Tabulae resolutae de supputandis siderum motibus</t>
  </si>
  <si>
    <t>MDXLII</t>
  </si>
  <si>
    <t>Petrejus, Johannes</t>
  </si>
  <si>
    <t>Statement of Responsibility: Cui addita est, tam eclipseos solaris anni 1656 observatio, quam diametri solis apparentis accurata dimensio.., Publication Statement: Anno aerae christianae 1656, Illustrations: ill., Dimensions: 36 cm, Bibliographical Note: Bound with his Epistolae IV. 1654.; Title vignette., Collection: Dorchester, priref: 38031</t>
  </si>
  <si>
    <t>Joannes Virdungus</t>
  </si>
  <si>
    <t>Syllabus of Lectures on the History of Medicine</t>
  </si>
  <si>
    <t>Mayne, Boyd &amp; Son Ltd.</t>
  </si>
  <si>
    <t>Statement of Responsibility: by J. A. Lindsay, Corporate Author: Queen's University, Belfast, Dimensions: 21 cm, Class Number: 61(09), priref: 19446</t>
  </si>
  <si>
    <t>54.597285,-5.93012</t>
  </si>
  <si>
    <t>James Alexander Lindsay</t>
  </si>
  <si>
    <t>Eucalyptus Honey, Produced by the Black Bee of Australia</t>
  </si>
  <si>
    <t>T. Christy &amp; Co.</t>
  </si>
  <si>
    <t>Publication Statement: Philadelphia : Blanchard &amp; Lea, 1856., Dimensions: 24 cm, Provenance: Association: Watson, Thomas, Bibliographical Note: Bibliography, Collection: UK Medical Heritage Library, Other Names: Watson, Thomas, Sir, 1792-1882 (Associated name), Class Number: 615.1, Websites: &lt;a href=https://archive.org/details/rcplondon?&amp;and=b23982561""&gt;View online via the Internet Archive&lt;/a&gt;; &lt;a href=""http://wellcomelibrary.org/player/b23982561""&gt;View online via the Wellcome Library&lt;/a&gt;; &lt;a href=""https://ukmhl.historicaltexts.jisc.ac.uk/ukmhl-b23982561""&gt;View online via Jisc Historical Texts&lt;/a&gt;"", priref: 9608</t>
  </si>
  <si>
    <t>Darwinism and Medicine</t>
  </si>
  <si>
    <t>PRINTED AT THE OFFICE OF THE BRITISH MEDICAL ASSOCIATION</t>
  </si>
  <si>
    <t>Dimensions: 21 cm, Series: Bradshaw lectures Royal College of Physicians, Series Number: 1909, Genre: Biographies; Lectures, Class Number: C042, priref: 19439</t>
  </si>
  <si>
    <t>The Papers Set for the Examinations for the Diploma in Public Health of the Royal College of Physicians of London and the Royal College of Surgeons of England during the Year 1900</t>
  </si>
  <si>
    <t>Contenta: Contra sectam Mahumeticam libellus; â€¦ Turcorum â€¦ de vita &amp; moribus libellus; â€¦ libellus de vita et moribus Judaeorum</t>
  </si>
  <si>
    <t>[H. Stephani (ex off.)]</t>
  </si>
  <si>
    <t>Publication Statement: 1559, Dimensions: 15, 16 cm, Provenance: Autograph: Boissonade, Bibliographical Note: 3 copies.; One copy bound with his Apotheseos... libri tres. 1558; 118 pp., 5 ff. (De pharmacandi comprobata ratione - end) Wanting in one copy., Class Number: 61, priref: 25968</t>
  </si>
  <si>
    <t>De Montecroix Ricoldus</t>
  </si>
  <si>
    <t>Cinquante Ievs divers d'honnete entretien â€¦ livre premier</t>
  </si>
  <si>
    <t>Par Charles Pesnot</t>
  </si>
  <si>
    <t>Statement of Responsibility: industrieusement inuentes par Messer Innocent Rhingier ... et fais francoys par Hubert Philppe de Villiers, Publication Statement: A Lyon : par Charles Pesnot, 1555, Dimensions: 25 cm, Provenance: Copy 10448: Roberts and Watson note that it is 'signed Jehan Dee.1557"". It has no other notes'.; Copy 10448: former shelfmark on upper flyleaf and title page: 'X-144'."", General Note: Woodcut initials.; Printer's device on final page.; Errata on page 302.; Copy 10448: Dorchester No. D412/2, Citation Note: Copy 10448: Roberts and Watson, 341, Exhibition Note: Scholar, courtier, magician : the lost library of John Dee, Collection: John Dee; Dorchester, Genre: Shelf marks; Printers' devices; Woodcut illustrations; Errata lists; Autographs, Other Names: Villiers, Hubert Philippe de (Translator); Dorchester, Henry Pierrepont, Marquis of, 1606-1680 (Donor); Dee, John, 1527-1608 (Former owner), priref: 40043</t>
  </si>
  <si>
    <t>45.764043,4.835659</t>
  </si>
  <si>
    <t>Innocenzio Ringhieri</t>
  </si>
  <si>
    <t>Apomasaris apotelesmata, sive de significatis et euentis insomniorvm ex Indorvm, Persarvm, Ã†gyptiorvmque disciplina</t>
  </si>
  <si>
    <t>MDLXXVII</t>
  </si>
  <si>
    <t>Wechel, Andreas</t>
  </si>
  <si>
    <t>Statement of Responsibility: Depromptus ex Jo. Sambuci V. C. bibliotheca liber, Jo. Leunclaio interprete., Publication Statement: Francofurti : excudebat Andreas Wechelus ..., 1577, Dimensions: 17 cm (8vo), Provenance: Copy 7348: Roberts and Watson note that it 'may have been Dee's'., General Note: Copy 7348: Dorchester No. D43/3, Citation Note: Copy 7348: Roberts and Watson, 709, Collection: John Dee; Dorchester, Other Names: Leunclavius, Johannes, 1533?-1593 (Translator); ZsaÌmboki, JaÌnos 1531-1584 (Editor); Dorchester, Henry Pierrepont, Marquis of, 1606-1680 (Donor), priref: 35294</t>
  </si>
  <si>
    <t>50.110924,50.110924</t>
  </si>
  <si>
    <t>Ahmad ibn SiÂ¯riÂ¯n</t>
  </si>
  <si>
    <t>De alimentorvm facvltatibvs libri iii</t>
  </si>
  <si>
    <t>Colines, Simon de</t>
  </si>
  <si>
    <t>Illustrations: ill., Dimensions: 19 cm, Bibliographical Note: Wing G672.; 2 copies.; Published anonymously., Class Number: 611(02)'16', priref: 12199</t>
  </si>
  <si>
    <t>, Joachinus Martinius</t>
  </si>
  <si>
    <t>Q.m.-chirurgica an deprimendae catarrhactae expectanda maturatio?</t>
  </si>
  <si>
    <t>Martii 1728</t>
  </si>
  <si>
    <t>March, 1728</t>
  </si>
  <si>
    <t>J. Quillau (typis)</t>
  </si>
  <si>
    <t>Publication Statement: 1728, Dimensions: 25cms., Provenance: Association: Sloane, Hans (Sir); Autograph: Woolhouse, John Thomas, Bibliographical Note: Dissertation. J.B.Boyer proponent, priref: 22316</t>
  </si>
  <si>
    <t>Antoine Le Moine</t>
  </si>
  <si>
    <t>Biographical Sketch of the Late Edward Turner, M. D. Professor of Chemistry in the University College, London: Being the Annual Address Delivered before the Harveian Society of Edinburgh on the 12th April, 1837</t>
  </si>
  <si>
    <t>MDCCCXXXVII</t>
  </si>
  <si>
    <t>John Carfrae &amp; Son</t>
  </si>
  <si>
    <t>Statement of Responsibility: Robert Christison, Dimensions: 21 cm, Series: Harveian orations, Edinburgh Harveian Society, Series Number: 1837, Genre: Biographies, Class Number: 92 TUR, priref: 6532</t>
  </si>
  <si>
    <t>Sir Robert Christison</t>
  </si>
  <si>
    <t>Instructions to Vander Bank, a Sequel to the Advice to the Poets: a Poem Occasion'd by the Glorious Success of Her Majesty's Arms, under the Command of the Duke of Marlborough, the Last Year in Flanders</t>
  </si>
  <si>
    <t>H. Hills</t>
  </si>
  <si>
    <t>Dimensions: 18 cm, Bibliographical Note: Published anonymously., Class Number: C08 BLA, priref: 3666</t>
  </si>
  <si>
    <t>Sir Richard Blackmore</t>
  </si>
  <si>
    <t>Histoire des drogues espisceries, et de certains medicamens simples, qui naissent Ã©s Indes &amp; en l'Amerique: Ceste matiere comprise en six livres: dont il y en a cinq tirÃ©s du Latin de Charles de l'Escluse: &amp; l'Histoire du baulme adjoustee de nouveau: oÃ¹ il est prouÃ©, que nous avons le vray baulme d'Arabie, contre l'opinion des anciens &amp; modernes. Le tout fidellement translatÃ© en FranÃ§ois, par Antoine Colinâ€¦ par luy augmentÃ© de beaucoup d'annotations, de diuerses drogues estrangeres &amp; illustrÃ©e de plusieurs figures, non encores veuÃ«s</t>
  </si>
  <si>
    <t>MDCXIX</t>
  </si>
  <si>
    <t>Aux despens de Iean Pillehotte Ã  l'enseigne du nom de Iesus</t>
  </si>
  <si>
    <t>Illustrations: ill., Dimensions: 18 cm, Provenance: Autograph: Blanchard, Michel, Bibliographical Note: 4 parts in 1 v.; All these translations, except Alpini's Histoire du baulme, are based on the annotated Latin versions by Charles L'Ecluse. Histoire des drogues, espiceries, et de certains medicamens simples, par Garcie du Jardin, is a translation of Coloquios dos simples, e drogas he cousas medicÂ¸inais da India.TraicteÂ´ de Christophle de la Coste ... des drogues &amp; medicamens qui naissent aux Indes, is a translation and abridgment of Tractado de las drogas y medicinas de las Indias orientales. Histoire du baulme, par Prosper Alpin, is a translation of De balsamo dialogus. Histoire des simples medicamens apporteÂ´s de l'Amerique, desquels on se sert en la medecine, par Nicolas Monard, is a translation of Primera y segunda y tercera partes de la historia medicinal de las cosas que se traen de nuestras Indias occidentales que sirven en medicina.; Last part wrongly numbered at end end, Class Number: 615, priref: 24420</t>
  </si>
  <si>
    <t>Garcia de Orta</t>
  </si>
  <si>
    <t>De aluminis usu therapeutico d. i. m</t>
  </si>
  <si>
    <t>Dimensions: 26 cm, Bibliographical Note: Bibliography, priref: 14590</t>
  </si>
  <si>
    <t>Carl Napoleon Hottenroth</t>
  </si>
  <si>
    <t>Dr. Willis's Receipts for the Cure of All Distempersâ€¦</t>
  </si>
  <si>
    <t>T. Leigh</t>
  </si>
  <si>
    <t>Dimensions: 21 cm, Provenance: Autograph: Edwards, George, Bibliographical Note: Sale catalogue., Genre: Sales catalogues, Class Number: 17.2, priref: 34095</t>
  </si>
  <si>
    <t>Thomas Willis</t>
  </si>
  <si>
    <t>De universitate liber, in quo astronomiÃ¦ doctrinaeue coelestis compedium terrÃ¦ aptatum, &amp; secundum coelestis influxus ordinem precipuarum [que] originum ratione totus orbis terrÃ¦ quatenus innotuit, cum regnoru temporibus exponitur: Sed ante omneis alias orbis parteis terra sancta summo hoc est, amplissimo compendio describitur, cui Gallia ob primarium orbis nomen &amp; ius substituitur, eo quo`d ambae toti orbi legem sunt daturae</t>
  </si>
  <si>
    <t>MDLXIII</t>
  </si>
  <si>
    <t>Publication Statement: Parisiis : Apud Martinum Iuuenem sub insigni D. Christophori, eÌ€ regione gymnasij Cameracensium M.D.LXIII, Illustrations: woodcut illustrations, Dimensions: 23 cm (4to), Binding: Copy number 7445: Contemporary vellum binding., Provenance: Copy 7554: Roberts and Watson note that Dee's name 'has been erased and Nich. Saunder 1586"" written over it. There are marginal notes and underlinings'.; Copy number 7554: Former shelf mark on upper flyleaf and lower cover: ' Y. 117'.; Copy number 7554: squashed fly on page 6 of the second part"", General Note: Separate t.p., pagination and registration for the 'Alterius sive secundae partis operis Guilielmi Postelli de universitate expositio, cui nomen imposuit Ptolemeolus'.; Printer's device on title page.; Copy 7554: Dorchester No. D49/5, Citation Note: Copy 7554: Roberts and Watson, 372, Collection: John Dee; Dorchester, Genre: Woodcut illustrations; Vellum bindings; Printers' devices; Shelf marks; Annotations, Other Names: Dee, John, 1527-1608 (Former owner); Dorchester, Henry Pierrepont, Marquis of, 1606-1680 (Donor); Saunder, Nicholas, 1563-1649 (Former owner), priref: 39705</t>
  </si>
  <si>
    <t>Guillaume Postel</t>
  </si>
  <si>
    <t>Schedule of documents to accompany letter to the College of physicians upon the subject of the causes and treatment of leprosy</t>
  </si>
  <si>
    <t>April 14, 1863</t>
  </si>
  <si>
    <t xml:space="preserve">Schedule of documents to accompany letter to the College of physicians upon the subject of the causes and treatment of leprosy </t>
  </si>
  <si>
    <t>A View of the Perkinean Electricity, or, an Enquiry into the Influence of Metallic Tractors â€¦ Employed as a Remedy in Many Painful Inflammatory Diseases â€¦</t>
  </si>
  <si>
    <t>Printed for the Author, by R. Cruttwell</t>
  </si>
  <si>
    <t>Dimensions: 22 cm, Bibliographical Note: This book was printed in Bath, by R. Crutwell., priref: 18808</t>
  </si>
  <si>
    <t>Charles Cunningham Langworthy</t>
  </si>
  <si>
    <t>Oratio ex Harveii instituto habitaâ€¦, MDCCLXX (Harveian Oration, 1770)</t>
  </si>
  <si>
    <t>MDCCLXXI</t>
  </si>
  <si>
    <t>apud G. Johnston</t>
  </si>
  <si>
    <t>Statement of Responsibility: autore Gulielmo Cadogan, Publication Statement: Prostat venalis apud J. Dodsley, Pall Mall 1792, Dimensions: 23, 24 cm, Binding Method: Hardback, Series: Harveian oration, Series Number: 1792, General Note: 21521-1: No.7 in a volume lettered 'Orationes Harveianae, 1752-97'; One copy is bound with, Ash, J., 'Oratio ... ex Harveii instituto', 1790, lettered, 'Orationes, theses, etc.', Genre: Lectures, Class Number: C06.091.4, priref: 5757</t>
  </si>
  <si>
    <t>Antonius Relhan</t>
  </si>
  <si>
    <t>Dissertatio inauguralis medica qua specificorum antiepilepticorum, sigillatim olei animalis vires examinantur â€¦ quam praeside A. Vatero â€¦ Sep. 1725 â€¦ submittit H. J. B. Vitembergae</t>
  </si>
  <si>
    <t>Publication Statement: 1686, Dimensions: 20 cms, Bibliographical Note: Dissertation. H.A.Kestner respondent.; Check date, Other Names: Wedel, Georg Wolfgang (Praeses); Kestner, Heinrich Andreas (Respondent), priref: 33920</t>
  </si>
  <si>
    <t>Hermann Jacob Burchard</t>
  </si>
  <si>
    <t>De nummo Pylaemenis Euergetae regis Paphlagoniae epistola â€¦</t>
  </si>
  <si>
    <t>MDCLXXX</t>
  </si>
  <si>
    <t>litteris J. L. Konig</t>
  </si>
  <si>
    <t>Dimensions: 20 cm, priref: 10044</t>
  </si>
  <si>
    <t>Sebastianus Faeschius</t>
  </si>
  <si>
    <t>D.m. de morbis praecordialibus</t>
  </si>
  <si>
    <t>April MDCLXXXIX</t>
  </si>
  <si>
    <t>April, 1689</t>
  </si>
  <si>
    <t>literis Krebsianis</t>
  </si>
  <si>
    <t>Publication Statement: 1689, Dimensions: 20cms, Other Names: Wedel, Georg Wolfgang (Praeses), priref: 18958</t>
  </si>
  <si>
    <t>Philipp Georg Lautitz</t>
  </si>
  <si>
    <t>The Medical Examiner and Record of Medical Science: New Series, November 1846</t>
  </si>
  <si>
    <t>Publication Statement: 1848?, Dimensions: 22 cm, Bibliographical Note: Title from head of text; Excerpt from Bibliographical Notices, Oct. 1848 ?, reviewing the report; Bound in volume lettered Medico-legal tracts, 5 (M.L.Tr. 5)., priref: 60469</t>
  </si>
  <si>
    <t>39.9525839,-75.1652215, 41.203323,-77.194527</t>
  </si>
  <si>
    <t>The Bradshaw Lecture on the Treatment of Enteric Fever</t>
  </si>
  <si>
    <t>John Bale, Sons &amp; Danielsson</t>
  </si>
  <si>
    <t>Statement of Responsibility: by F. Foord Caiger, Corporate Author: Royal College of Physicians of London, Dimensions: 22 cm, Provenance: Autograph: Caiger, Frederick Foord, Series: Bradshaw lectures Royal College of Physicians, Series Number: 1904, General Note: Delivered before the Royal College of Physicians of London on November 15th, 1904, Collection: UK Medical Heritage Library, Genre: Lectures; Authors' inscriptions, Other Names: Caiger, Frederick Foord (Inscriber), Class Number: C042, Websites: &lt;a href=https://archive.org/details/rcplondon?&amp;and=b24974705""&gt;View online via the Internet Archive&lt;/a&gt;; &lt;a href=""http://wellcomelibrary.org/player/b24974705""&gt;View online via the Wellcome Library&lt;/a&gt;; &lt;a href=""https://ukmhl.historicaltexts.jisc.ac.uk/ukmhl-b24974705""&gt;View online via Jisc Historical Texts&lt;/a&gt;"", priref: 5752</t>
  </si>
  <si>
    <t>Frederick Foord Caiger</t>
  </si>
  <si>
    <t>The Harveian Oration on the Doctrine of Consumption in Harvey's Time and To-Day: Delivered before the Royal College of Physicians of London on October, 18th,1918</t>
  </si>
  <si>
    <t>Statement of Responsibility: by Percy Kidd, Dimensions: 22 cm, Binding Method: Hardback, Series: Harveian oration, Series Number: 1918, General Note: This discusses the writings of F. Sylvius, R. Morton, P. Desault and others, Genre: Lectures, Class Number: C06.091.4, priref: 18002</t>
  </si>
  <si>
    <t>Percy Kidd</t>
  </si>
  <si>
    <t>William Harvey</t>
  </si>
  <si>
    <t>January 26, 1878</t>
  </si>
  <si>
    <t>Royal Institution of Great Britain</t>
  </si>
  <si>
    <t>Statement of Responsibility: by Charles J. Hare, Illustrations: ill., tables, Dimensions: 22 cm., Provenance: Autograph opposite title page: For the Library of the Royal College of Physicians of London from the author 1883 October Charles J. Hare, General Note: Address ... delivered at the Annual Meeting of the Metropolitan Counties Branch of the British Medical Association in July. Reprinted from the British Medical Journal.; Final 14 p. : publisher's advertisements., Bibliographical Note: Includes bibliographical references., Collection: UK Medical Heritage Library, Class Number: 615.4, Websites: &lt;a href=https://archive.org/details/rcplondon?&amp;and=b23983127""&gt;View online via the Internet Archive&lt;/a&gt;; &lt;a href=""http://wellcomelibrary.org/player/b23983127""&gt;View online via the Wellcome Library&lt;/a&gt;; &lt;a href=""https://ukmhl.historicaltexts.jisc.ac.uk/ukmhl-b23983127""&gt;View online via Jisc Historical Texts&lt;/a&gt;"", priref: 15223</t>
  </si>
  <si>
    <t>Thomas Henry Huxley</t>
  </si>
  <si>
    <t>A Letter Concerning a New Way of Curing Sundry Diseases by Transfusion of Blood â€¦</t>
  </si>
  <si>
    <t>Munday July 22. 1667</t>
  </si>
  <si>
    <t>July 22, 1667</t>
  </si>
  <si>
    <t>Printed for John Martin</t>
  </si>
  <si>
    <t>Dimensions: 26 cm, Bibliographical Note: Printed for the author., priref: 8163</t>
  </si>
  <si>
    <t>Jean Baptiste Denis</t>
  </si>
  <si>
    <t>The Comprehensive Study of Thoracic Phthisis</t>
  </si>
  <si>
    <t>March 13th, 18th, and 20th, 1902</t>
  </si>
  <si>
    <t>Series: Lumleian lectures, Series Number: 1902, Genre: Lectures, Class Number: C042, priref: 27365</t>
  </si>
  <si>
    <t>Frederick Thomas Roberts</t>
  </si>
  <si>
    <t>Report of the Seventh Annual Meeting of the London Mesmeric Infirmary, 36, Weymouth Street, Portland Place, Held at Willis's Rooms, King Street, St. James's, on Wednesday the 11th of June, 1856</t>
  </si>
  <si>
    <t>[London Mesmeric Infirmary]</t>
  </si>
  <si>
    <t>Le Dr Marc Dufour: notice biographique</t>
  </si>
  <si>
    <t>Oct. et Nov. 1910</t>
  </si>
  <si>
    <t>October-November, 1910</t>
  </si>
  <si>
    <t>Statement of Responsibility: Edouard de Cerenville, Illustrations: 1 plate, 1 portrait, Dimensions: 24 cm, Bibliographical Note: Bibliography, Genre: Biographies, Class Number: 92 DUF, priref: 200001060</t>
  </si>
  <si>
    <t>Edouard de Cerenville</t>
  </si>
  <si>
    <t>[British American Journal of Medical and Physical Science]</t>
  </si>
  <si>
    <t>Statement of Responsibility: By James Tunstall., Publication Statement: MDCCCL, Illustrations: ill., tab., Dimensions: 21 cm, Binding: In original red cloth and yellow endpapers, Provenance: Book-plate on pastedown: The Library of the Royal Mineral Water Hospital Bath. The gift of J. Kirby. 1920; Autograph on title-page: John and Mary Simpson 1852; Stamp on half-title page: Royal Mineral Water Hospital Bath., General Note: Plate presents a graph showing percentages of cases of 12 conditions cured and relieved by the Bath waters; MS. biographical note on author's appointments at Bath on first free endpaper., Collection: Heberden, priref: 48428</t>
  </si>
  <si>
    <t>45.5016889,-73.567256</t>
  </si>
  <si>
    <t>The Sequels of Disease: Being the Lumleian Lectures Delivered in the Royal College of Physicians, 1896: Together with Observations on Prognosis in Disease.</t>
  </si>
  <si>
    <t>Longmans, Green, and Co.</t>
  </si>
  <si>
    <t>Statement of Responsibility: by Dyce Duckworth, Dimensions: 23 cm, Binding Method: Hardback, Provenance: Autograph: Duckworth, Dyce (Sir), Series: Lumleian lectures, Series Number: 1896, Collection: UK Medical Heritage Library, Genre: Lectures, Other Names: Duckworth, Dyce, Sir, 1840-1928 (Inscriber), Class Number: C042, Websites: &lt;a href=https://archive.org/details/rcplondon?&amp;and=b24974948""&gt;View online via the Internet Archive&lt;/a&gt;; &lt;a href=""http://wellcomelibrary.org/player/b24974948""&gt;View online via the Wellcome Library&lt;/a&gt;; &lt;a href=""https://ukmhl.historicaltexts.jisc.ac.uk/ukmhl-b24974948""&gt;View online via Jisc Historical Texts&lt;/a&gt;"", priref: 9424</t>
  </si>
  <si>
    <t>Dyce Duckworth</t>
  </si>
  <si>
    <t>The Gulstonian Lectures: On Pyrexia</t>
  </si>
  <si>
    <t>MARCH 17, 1855</t>
  </si>
  <si>
    <t>March 17, 1855</t>
  </si>
  <si>
    <t>Statement of Responsibility: By E. A. Parkes, Bibliographical Note: Also p. 278-80; 331-5; 535-7; 561-3; Photocopy., Class Number: 616-009.87, priref: 200004819</t>
  </si>
  <si>
    <t>Edmund Alexander Parkes</t>
  </si>
  <si>
    <t>Oratio ex Harveii instituto habita â€¦ , MDCCLXVIII (Harveian Oration, 1768)</t>
  </si>
  <si>
    <t>MDCCLXIX</t>
  </si>
  <si>
    <t>apud M. Hingeston</t>
  </si>
  <si>
    <t>Dimensions: 27, 25 cm, Series: Harveian oration, Series Number: 1768, General Note: 21440-23: No. 20 in a volume lettered 'Orationes Harveianae, 1744-74'; 21524-11: No. 6 in a volume lettered 'Orationes Harveianae, 1755-1809', Class Number: C06.091.4, priref: 33614</t>
  </si>
  <si>
    <t>Richard Warren</t>
  </si>
  <si>
    <t>On Functional Derangements of the Liver Being the Croonian Lectures Delivered at the Royal College of Physicians in March 1874</t>
  </si>
  <si>
    <t>Smith, Elder and Co.</t>
  </si>
  <si>
    <t>Statement of Responsibility: by Charles Murchison, Corporate Author: Royal College of Physicians of London, Illustrations: illustrations, Dimensions: 20 cm, Provenance: Autograph: *Murchison, Charles, Series: Croonian lectures, Series Number: 1874, General Note: With half-title page., Bibliographical Note: Includes bibliographical references, Genre: Lectures, Other Names: Murchison, Charles, 1830-1879 (Inscriber), Class Number: 616.36, priref: 23192</t>
  </si>
  <si>
    <t>Charles Murchison</t>
  </si>
  <si>
    <t>Albrecht Von Haller: Scientific, Literary, and Poetical Activity</t>
  </si>
  <si>
    <t>Statement of Responsibility: Alexander Fleming, Illustrations: illustrations, tables, Dimensions: 25 cm, Class Number: 612.015.1, priref: 200002016</t>
  </si>
  <si>
    <t>39.2903848,-76.6121893</t>
  </si>
  <si>
    <t>John Conrad Hemmeter</t>
  </si>
  <si>
    <t>The Wisdom of the Body (Harveian Oration, 1923)</t>
  </si>
  <si>
    <t>H. K. Lewis and Company</t>
  </si>
  <si>
    <t>Statement of Responsibility: by Ernest H. Starling, Dimensions: 22, 23 cm, Binding Method: Hardback; Paperback, Series: Harveian oration, Series Number: 1923, General Note: Delivered before the Royal College of Physicians of London, on St. Luke's Day, 1923, Genre: Lectures, Class Number: C06.091.4, priref: 30540</t>
  </si>
  <si>
    <t>Ernest Henry Starling</t>
  </si>
  <si>
    <t>A Sermon Preached Beforeâ€¦ the Hospital for the Small-Pox, and for Inoculation, March 5,1752</t>
  </si>
  <si>
    <t>Printed by H. Woodfall</t>
  </si>
  <si>
    <t>Publication Statement: 1753, Dimensions: 23 cm, priref: 22052</t>
  </si>
  <si>
    <t>Isaac Maddox</t>
  </si>
  <si>
    <t>Examen du projet de loi sur les prisons et du plan de La nouvelle maison de dÃ©tention de GenÃ¨ve</t>
  </si>
  <si>
    <t>Imprimerie de ferd</t>
  </si>
  <si>
    <t>Publication Statement: 1810(?), Dimensions: 22 cm, priref: 11407</t>
  </si>
  <si>
    <t>Louis-Andre Gosse</t>
  </si>
  <si>
    <t>D. m. i. de ardore ventriculi</t>
  </si>
  <si>
    <t>26 Octobris MDCLX</t>
  </si>
  <si>
    <t>October 26, 1660</t>
  </si>
  <si>
    <t>Sengenwaldianis (typis)</t>
  </si>
  <si>
    <t>Publication Statement: 1660, Dimensions: 20cms, Bibliographical Note: Dissertation. G.Forsterus respondent., Other Names: Moebius, Gottfried (Praeses); Forster, Gottfried (Respondent), priref: 23014</t>
  </si>
  <si>
    <t>Biographical Account of Alexander Wilson, M. D., Late Professor of Practical Astronomy in Glasgow</t>
  </si>
  <si>
    <t>Statement of Responsibility: By Elizabeth C. Gaskell., Dimensions: 16 cm, General Note: Attributed to Elizabeth Gaskell., Collection: UK Medical Heritage Library, Genre: Fiction, Websites: &lt;a href=http://wellcomelibrary.org/player/b28149233""&gt;View online via the Wellcome Library&lt;/a&gt;; &lt;a href=""https://archive.org/details/rcplondon?&amp;and=b28149233""&gt;View online via the Internet Archive&lt;/a&gt;; &lt;a href=""https://ukmhl.historicaltexts.jisc.ac.uk/ukmhl-b28149233""&gt;View online via Jisc Historical Texts&lt;/a&gt;"", priref: 60734</t>
  </si>
  <si>
    <t>Patrick Wilson</t>
  </si>
  <si>
    <t>[Lexikon], seu, Dictionarium mathematicum : in quo definitiones, &amp; diuisiones continentur scientiarum mathematicarun : arihmeticae [sic], geometriae, astronomiae, logisticae, geodaesiae, harmonicae</t>
  </si>
  <si>
    <t>MDLXXIII</t>
  </si>
  <si>
    <t>Wyriot, Nikolaus</t>
  </si>
  <si>
    <t>Publication Statement: 1505, Dimensions: 27 cm, Bibliographical Note: Bound with his Commentarii de honesta disciplina. 1504., Collection: Dorchester, priref: 36503</t>
  </si>
  <si>
    <t>Greek, Modern (1453-)</t>
  </si>
  <si>
    <t>Conradus Dasypodius</t>
  </si>
  <si>
    <t>D. m. i. de phthisÃ¨os natura</t>
  </si>
  <si>
    <t>Publication Statement: 1848, Dimensions: 22 cm, Bibliographical Note: Incomplete number; Bound in Medico-legal tracts, 16., Summary: Contents: Report of an extraordinary double birth. -- Mode of detecting small quantities of opium., Class Number: 340.6, priref: 2038</t>
  </si>
  <si>
    <t>55.86515,-4.25763</t>
  </si>
  <si>
    <t>James Black</t>
  </si>
  <si>
    <t>The Harveian Oration. Delivered at the Royal College of Physicians, London, June 24,1870</t>
  </si>
  <si>
    <t>June 24, 1870</t>
  </si>
  <si>
    <t>John Churchill &amp; Sons</t>
  </si>
  <si>
    <t>Statement of Responsibility: by William Gull, Dimensions: 18 cm, Binding Method: Hardback, Series: Harveian oration, Series Number: 1870, Bibliographical Note: Another copy : Tr.175(9), Genre: Lectures, Class Number: C06.091.4, priref: 37798</t>
  </si>
  <si>
    <t>Sir William Withey Gull</t>
  </si>
  <si>
    <t>The Harveian Oration on Experimental Psychology and Hypnotism Delivered before the Royal College of Physicians of London, October 18,1909</t>
  </si>
  <si>
    <t>Henry Frowde</t>
  </si>
  <si>
    <t>Statement of Responsibility: by George H. Savage, Dimensions: 22 cm, Binding Method: Hardback, Series: Harveian oration, Series Number: 1909, Collection: UK Medical Heritage Library, Genre: Lectures, Class Number: C06.091.4, Websites: &lt;a href=https://archive.org/details/rcplondon?&amp;and=b24976106""&gt;View online via the Internet Archive&lt;/a&gt;; &lt;a href=""http://wellcomelibrary.org/player/b24976106""&gt;View online via the Wellcome Library&lt;/a&gt;; &lt;a href=""https://ukmhl.historicaltexts.jisc.ac.uk/ukmhl-b24976106""&gt;View online via Jisc Historical Texts&lt;/a&gt;"", priref: 28451</t>
  </si>
  <si>
    <t>George Henry Savage</t>
  </si>
  <si>
    <t>The Harveian Oration: Delivered before the Royal College of Physicians of London on June 21st, 1905</t>
  </si>
  <si>
    <t>MCMVI</t>
  </si>
  <si>
    <t>Statement of Responsibility: by Frederick T. Roberts, Dimensions: 19 cm, Binding Method: Hardback, Provenance: Autograph: Roberts, Frederick Thomas; Association: Fleming, William, Series: Harveian oration, Series Number: 1905, Genre: Lectures, Other Names: Roberts, Frederick Thomas, 1839-1918 (Inscriber); Fleming, William (Associated name), Class Number: C06.091.4, priref: 27370</t>
  </si>
  <si>
    <t>St Bartholomew's Hospital and Medicine during the Last Fifty Years: Address to the Abernethian Society</t>
  </si>
  <si>
    <t>Adlard and Son</t>
  </si>
  <si>
    <t>Statement of Responsibility: by Sir William Church, Dimensions: 22 cm, Binding Method: Paperback, Class Number: 614.21(421), priref: 200001166</t>
  </si>
  <si>
    <t>Sir William Selby Church</t>
  </si>
  <si>
    <t>D. m. i. de scarlatina anginosa</t>
  </si>
  <si>
    <t>Dimensions: 26cms., priref: 32841</t>
  </si>
  <si>
    <t>Robert Watt</t>
  </si>
  <si>
    <t>Volumen primum mathematicum â€¦ mathematicarum disciplinarum principia complectens: geometriae, logisticae, astronomiae, geographiae</t>
  </si>
  <si>
    <t>J. Rihelius (excud.)</t>
  </si>
  <si>
    <t>Illustrations: ill., Dimensions: 26 cm, Collection: Dorchester, priref: 36507</t>
  </si>
  <si>
    <t>48.573406,7.752111</t>
  </si>
  <si>
    <t>Lex Talionis, Sive Vindiciae Pharmacoporum; Or, a Short Reply to Dr. Merrett's Book and Others, Written against the Apothecaries: Wherein May Be Discovered the Frauds and Abuses Committed by Doctors Professing and Practising Pharmacy. [Anon]</t>
  </si>
  <si>
    <t>M. Pitt</t>
  </si>
  <si>
    <t>Dimensions: 19,20 cms, Bibliographical Note: Wing S 6055; (3 Copies); f.A2 wanting in all copies; One copy 4to Tr.14(4), Class Number: C614.255, priref: 31020</t>
  </si>
  <si>
    <t>Henry Stubbe</t>
  </si>
  <si>
    <t>Statuta Collegii sive Communitatis Medicorum Londinensis</t>
  </si>
  <si>
    <t>MDCCLXV</t>
  </si>
  <si>
    <t>Corporate Author: Royal College of Physicians of London, Publication Statement: London : publisher not identified, M.DCC.LXV, Dimensions: 27 cm, Binding: Calf binding sewn on five cord sewing supports, marbled paper endleaves and pastedowns, toole din gold with double fillet and flowers and corners, Provenance: Inscribed 'Sum Batteius' on lower cover, General Note: President's copy, large paper, Citation Note: ESTC T48644, Genre: Marbled papers; Calf bindings; Gold tooled bindings; Fillet tools, Other Names: Battie, William, 1704-1776 (Former owner), Class Number: C340.3, priref: 17116</t>
  </si>
  <si>
    <t>Observations on a Particular Kind of Scarlet Fever That Lately Prevailed in and about St. Alban's...</t>
  </si>
  <si>
    <t>MDCCXLIX</t>
  </si>
  <si>
    <t>Manby, Richard,-1769</t>
  </si>
  <si>
    <t>Dimensions: 23 cm, Bibliographical Note: 2 copies. One copy (no. 16873) is bound with, Malpighi, M., 'De structura glandularum', 1690. The other copy is bound in a volume of tracts, Class Number: 61(08), priref: 7562, Parent: 20551</t>
  </si>
  <si>
    <t>Nathaniel Cotton</t>
  </si>
  <si>
    <t>D.m.i. de procidentia uteri</t>
  </si>
  <si>
    <t>Octobr. Anni MDCLXXXIV</t>
  </si>
  <si>
    <t>October, 1684</t>
  </si>
  <si>
    <t>Publication Statement: 1662, Dimensions: 23 cms, Bibliographical Note: Check date, priref: 32687</t>
  </si>
  <si>
    <t>Lists of Apothecaries' shops visited by the Censors of the R.C.P.</t>
  </si>
  <si>
    <t xml:space="preserve">Lists of Apothecaries' shops visited by the Censors of the R.C.P. </t>
  </si>
  <si>
    <t>Report of the Building Committee of the Lock Hospital, Asylum, and Chapel</t>
  </si>
  <si>
    <t>Printed by J. Cowell</t>
  </si>
  <si>
    <t>Statement of Responsibility: it was made by the following noblemen and gentlemen, who were appointed by the House of Commons, as a Select Committee, to enquire and consider of provision being made for the better regulation of public and private madhouses in England ... Consisting of important minutes of evidence ... including two letters ..., Corporate Author: Great Britain. Parliament. House of Commons; Great Britain. Parliament. House of Commons. Committee on Mad-houses in England, Publication Statement: Printed and published by W.I. Clement, Dimensions: 22 cm, General Note: Bound with G B P Committee ... madhouses Report. 1815., Class Number: 362.2(42), priref: 18500</t>
  </si>
  <si>
    <t>39.3522557,-76.6744784</t>
  </si>
  <si>
    <t>Prattica di mvsica vtile et necessaria si al compositore per comporre i canti suoi regolatamente, si anco al cantore per assicurarsi in tutte le cose cantabili. Divisa in qvattro libri. Ne 1 qvali si tratta delle cantilene ordinarie, de tempi de prolationi, de proportioni, di tuoni, et della conuenienza de tutti gli istrumenti musicali. S'insegna a cantar tvtte le compositioni antiche, si dichiara tutta Las Angles messa del Palestina titolo LomÃ¨ ArmÃ¨, con altre cose d'importanza &amp; diletteuole. Vltimamente s'insegna il modo di fiorir una parte con uaghi &amp; moderni accenti</t>
  </si>
  <si>
    <t>MDXCVI</t>
  </si>
  <si>
    <t>Apresso Bartolomeo Carampello</t>
  </si>
  <si>
    <t>Dimensions: 32 cm, Binding: Binding: PU, Collection: Dorchester, priref: 41530</t>
  </si>
  <si>
    <t>Lodovico Zacconi</t>
  </si>
  <si>
    <t>Icones anatomicae quibus praecipuae aliquae partes corporis humani delineatae proponuntur &amp; arteriarum potissimum historia continetur</t>
  </si>
  <si>
    <t>MDCCLVI</t>
  </si>
  <si>
    <t>Apud viduam b. Abrami Vandenhoeckii</t>
  </si>
  <si>
    <t>Dimensions: 37 cm, Bibliographical Note: Bound with his Varia opera, 1534; Includes the Latin text of the first book of Hippocrates' Prorrheticum., Class Number: 61, priref: 12625</t>
  </si>
  <si>
    <t>Albrecht von Haller</t>
  </si>
  <si>
    <t>Memoir on Turning, as an Alternative for Craniotomy and the Long Forceps, in Deformity of the Brim of the Pelvis, &amp;c.</t>
  </si>
  <si>
    <t>Deighton &amp; Co.</t>
  </si>
  <si>
    <t>Statement of Responsibility: par B. G. Sage, Publication Statement: Chez Firmin-Didot, Imprimeur-lib. pour les mathematiques, Dimensions: 22 cm, General Note: With half-title page: Moyens de remeÌdier aux poisons.; Bound in Medico-legal tracts, 29., Collection: UK Medical Heritage Library, Class Number: 340.6, Websites: &lt;a href=http://wellcomelibrary.org/player/b28407441""&gt;View online via the Wellcome Library&lt;/a&gt;; &lt;a href=""https://archive.org/details/rcplondon?&amp;and=b28407441""&gt;View online via the Internet Archive&lt;/a&gt;; &lt;a href=""https://ukmhl.historicaltexts.jisc.ac.uk/ukmhl-b28407441""&gt;View online via Jisc Historical Texts&lt;/a&gt;"", priref: 27917</t>
  </si>
  <si>
    <t>42.2625932,-71.8022934</t>
  </si>
  <si>
    <t>James Young Simpson</t>
  </si>
  <si>
    <t>Clinique mÃ©dicale de l'Hopital Civil et Militaire de GenÃ¨ve</t>
  </si>
  <si>
    <t>Dimensions: 22 cm, Provenance: Autograph: Lacy, Laurence, priref: 18537</t>
  </si>
  <si>
    <t>Henri Clermond Lombard</t>
  </si>
  <si>
    <t>Animal Mechanics, or, Proof of Design in the Animal Frame.-3rd Ed</t>
  </si>
  <si>
    <t>Baldwin, Cradock, and Joy</t>
  </si>
  <si>
    <t>Statement of Responsibility: By Archibald Broun., Publication Statement: MDCCCXLV, Dimensions: 22 cm, Bibliographical Note: Vol. II, part IV; Accompanied by Appendix (8 p.); Bound in Medico-legal tracts, 24., Class Number: 340.6, priref: 28815</t>
  </si>
  <si>
    <t>On the Time and Manner of Closure of the Auriculo-Ventricular Valves</t>
  </si>
  <si>
    <t>MDCCCLXI</t>
  </si>
  <si>
    <t>Illustrations: ill., ports., Dimensions: 23 cm, General Note: Title translated from Russian, Bibliographical Note: Keynes 29c, Citation Note: Evan Bedford library 98, Collection: Evan Bedford, priref: 14265</t>
  </si>
  <si>
    <t>George Britton Halford</t>
  </si>
  <si>
    <t>De arte medendi libri ~XII~ ex veterum et recentiorum medicorum sententia omnibus medicinae studiosis admodum utiles</t>
  </si>
  <si>
    <t>MDLVII</t>
  </si>
  <si>
    <t>Bonhomme, MacÃ©</t>
  </si>
  <si>
    <t>Dimensions: 17 cm, Provenance: Autograph: Baronsdale, William, 1572, Bibliographical Note: In verse; Copy: MS. notes, Class Number: 61, priref: 4069</t>
  </si>
  <si>
    <t>Francois Boussuet</t>
  </si>
  <si>
    <t>Elements of the Practice of Physic: Part the First. Containing the Natural History of the Human Body</t>
  </si>
  <si>
    <t>MDCCLXX</t>
  </si>
  <si>
    <t>Johnson and Payne</t>
  </si>
  <si>
    <t>Statement of Responsibility: by W. Falconer, Publication Statement: printed for T. Cadell, junior, and W. Davies, (successor to Mr. Cadell), Illustrations: tables, Dimensions: 20 cm, Provenance: Book-stamp: Sion College Library., General Note: Two copies.; One copy at Tract 45 (2), Bibliographical Note: Bibliography., Citation Note: Evan Bedford library 45, Collection: Evan Bedford, Other Names: Sion College Library (Former owner), priref: 10522</t>
  </si>
  <si>
    <t>George Fordyce</t>
  </si>
  <si>
    <t>Goulstonian Lectures on Modern Views upon the Significance of Skin Eruptions: Delivered before the Royal College of Physicians of London</t>
  </si>
  <si>
    <t>Statement of Responsibility: by H.G. Adamson, Corporate Author: Royal College of Physicians of London, Illustrations: illustrations, Dimensions: 22 cm, Series: Goulstonian lectures, Series Number: 1912, General Note: 2 copies., Bibliographical Note: Includes bibliographic footnotes, Collection: UK Medical Heritage Library, Genre: Lectures, Class Number: C042, Websites: &lt;a href=https://archive.org/details/rcplondon?&amp;and=b2497433x""&gt;View online via the Internet Archive&lt;/a&gt;; &lt;a href=""http://wellcomelibrary.org/player/b2497433x""&gt;View online via the Wellcome Library&lt;/a&gt;; &lt;a href=""https://ukmhl.historicaltexts.jisc.ac.uk/ukmhl-b2497433x""&gt;View online via Jisc Historical Texts&lt;/a&gt;"", priref: 1882</t>
  </si>
  <si>
    <t>Horatio George Adamson</t>
  </si>
  <si>
    <t>Copy of letter from James Murray to Sir Frederic Rogers</t>
  </si>
  <si>
    <t>October 21, 1862</t>
  </si>
  <si>
    <t xml:space="preserve">Copy of letter from James Murray to Sir Frederic Rogers </t>
  </si>
  <si>
    <t>James Murray</t>
  </si>
  <si>
    <t>Oratio Harveiana, principibus medicis parentans: medicinam, academias utrasque laudans:, MDCCLI (Harveian Orations, 1751)</t>
  </si>
  <si>
    <t>apud T. Longman</t>
  </si>
  <si>
    <t>Publication Statement: 1751, Dimensions: 27 cm, Series: Harveian oration, Series Number: 1751, General Note: 21440-5: No. 6 in a volume lettered 'Orationes Harveianae, 1744-74'; 21534-1 No 1 in volume lettered 'Oratio Harveiana'; 21541 No 1 in volume lettered 'Opuscuia Varia', Class Number: C06.091.4, priref: 5164</t>
  </si>
  <si>
    <t>Sir William Browne</t>
  </si>
  <si>
    <t>Constitutiones legitime seu legatine regionis anglicanae</t>
  </si>
  <si>
    <t>[W. Hopilii (imp.)]</t>
  </si>
  <si>
    <t>Dimensions: 44 cm, Bibliographical Note: S.T.C. 14269., Collection: Dorchester, priref: 38212</t>
  </si>
  <si>
    <t>de Actona Joannes, Johannis Chappuys</t>
  </si>
  <si>
    <t>Commentarii omnium a creato orbe historiarum</t>
  </si>
  <si>
    <t>BiennÃ©, Jean</t>
  </si>
  <si>
    <t>Statement of Responsibility: Christophoro Roffin. In Senatu Burdegal. prÃ¦side auctore, Publication Statement: Lutetiae : apud Ioannem Bene natum, M. D. LXXI, Dimensions: 21 cm (4to), Provenance: Copy number 10420: Roberts and Watson note it is unsigned but there are a few Dee notes on pp. 478-83 and 499, Series: 'De hispanorum origine'"".; Copy number 10420: Former shelfmark on upper flyleaf and title page: 'X 120'."", Bibliographical Note: Errata on final page.; Printer's device on title page.; Copy number 10420: Dorchester number D131/14, Summary: Roberts and Watson, 531, Preservation Note: Latin, Other Names: Shelf marks; Annotations; Printers' devices; Errata lists, Class Number: Dee, John, 1527-1608 (Former owner); Dorchester, Henry Pierrepont, Marquis of, 1606-1680 (Donor), Child: 40115</t>
  </si>
  <si>
    <t>Christopher Roffiniac</t>
  </si>
  <si>
    <t>D. physiologico-medica de respirationis chymismo. Sectio prior, de mutationibus quas respiratio, tum in aÃ«re, tum in sanguine producit</t>
  </si>
  <si>
    <t>MDCCCXXXVI</t>
  </si>
  <si>
    <t>Dimensions: 26 cm, Bibliographical Note: Reprinted from the, Mem. Acad. Nat. Med., tom. 15, 1850., Class Number: 92 DUB, priref: 9341</t>
  </si>
  <si>
    <t>-25.949411,28.202389</t>
  </si>
  <si>
    <t>Fredericus Philippus Theophilus van Enschut</t>
  </si>
  <si>
    <t>The Bradshaw Lecture on Massive Collapse of the Lung</t>
  </si>
  <si>
    <t>Publication Statement: 1908, Illustrations: illustrations, diagrams, Dimensions: 23 cm, Series: Bradshaw lectures Royal College of Physicians, Series Number: 1908, Bibliographical Note: Includes bibliographic references, Collection: Evan Bedford; UK Medical Heritage Library, Genre: Lectures, Class Number: C042, Websites: &lt;a href=https://archive.org/details/rcplondon?&amp;and=b24975837""&gt;View online via the Internet Archive&lt;/a&gt;; &lt;a href=""http://wellcomelibrary.org/player/b24975837""&gt;View online via the Wellcome Library&lt;/a&gt;; &lt;a href=""https://ukmhl.historicaltexts.jisc.ac.uk/ukmhl-b24975837""&gt;View online via Jisc Historical Texts&lt;/a&gt;"", priref: 24243</t>
  </si>
  <si>
    <t>William Pasteur</t>
  </si>
  <si>
    <t>The Manuscripts of the College of Physicians, Pall Mall East, London</t>
  </si>
  <si>
    <t>No Date</t>
  </si>
  <si>
    <t>Royal Commission on Historical Manuscripts</t>
  </si>
  <si>
    <t>Dimensions: 22 cms, priref: 26814</t>
  </si>
  <si>
    <t>Alfred J. Horwood</t>
  </si>
  <si>
    <t>The Annual Address Delivered to the Royal College of Physicians, on Monday, April 1st, 1901</t>
  </si>
  <si>
    <t>PRINTED BY ADLARD AND SON</t>
  </si>
  <si>
    <t>Corporate Author: Royal College of Physicians of London, Publication Statement: 1900-5, Dimensions: 21 cm, Series: Royal College of Physicians of London. Presidential addresses, General Note: Copy number 21921 is a bound copy covering years 1900-02, number 21922 covers 1903-05 and number 21920 covers 1900-05. All other copies are individual years., Collection: UK Medical Heritage Library, Class Number: C91, Websites: &lt;a href=https://archive.org/details/rcplondon?&amp;and=b24974766""&gt;View online via the Internet Archive&lt;/a&gt;; &lt;a href=""http://wellcomelibrary.org/player/b24974766""&gt;View online via the Wellcome Library&lt;/a&gt;; &lt;a href=""https://ukmhl.historicaltexts.jisc.ac.uk/ukmhl-b24974766""&gt;View online via Jisc Historical Texts&lt;/a&gt;"", priref: 6751</t>
  </si>
  <si>
    <t>Claudii Galeni Pergameni Methodi medendi: id est, de morbis curandis libri quatuordecim</t>
  </si>
  <si>
    <t>In Ã¦dibus viduae Claudij Chevalonij</t>
  </si>
  <si>
    <t>Statement of Responsibility: denuo magna diligentia Martini Gregorii recogniti, Thoma Linacro Anglo interprete, Dimensions: 17 cm., Provenance: Autograph: Unidentified; Book-plate: Coudray, John; MS. notes inserted, General Note: Printer's device on title page, Genre: Printers' devices; Book-plates, Other Names: Linacre, Thomas, 1460-1524 (Translator), Class Number: 61, priref: 12649</t>
  </si>
  <si>
    <t xml:space="preserve">Martin GrÃ©goire, </t>
  </si>
  <si>
    <t>Observationum medicarum &amp; curationum insignium centuria quartaâ€¦; curaâ€¦ S. Jacozâ€¦ ed, cum observationibus morborum infrequentium, anomymi cuiusdam, inter eius scripta repertis</t>
  </si>
  <si>
    <t>MDCLIX</t>
  </si>
  <si>
    <t>Vlacq, Adrianum</t>
  </si>
  <si>
    <t>Dimensions: 18 cm, Provenance: Autograph on title page: Ja: Mauleverer ?; Annotation on endpaper: 'Ex Libris Mose...' ?, Collection: Dorchester, Genre: Autographs; Annotations, Other Names: Jacoz, Simeon (Editor); Mauleverer, Ja, Images: CN 9249 - Observationum medicarum_Riviere, 1659 Annotation.JPG CN 9249 - Observationum medicarum_Riviere, 1659 Autograph.JPG, priref: 40066</t>
  </si>
  <si>
    <t>52.0704978,4.3006999</t>
  </si>
  <si>
    <t>Lazare Riviere</t>
  </si>
  <si>
    <t>Reports of Cases before the High Court and Circuit Courts of Justiciary in Scotland, from November 18. 1844 to March 3. 1845</t>
  </si>
  <si>
    <t>MDCCCXLV</t>
  </si>
  <si>
    <t>Thomas Clark</t>
  </si>
  <si>
    <t>Statement of Responsibility: eruditorum examini subjicit Carolus Henricus Parry, Anglus, Corporate Author: University of Edinburgh, Dimensions: 22 cm, General Note: With half-title page.; VII. Calendas Julias, horaÌ‚ locoque solitis.--t.p.; Thesis (M.D.)--University of Edinburgh., Collection: UK Medical Heritage Library, Genre: Academic dissertations, Class Number: 616.988.71, Websites: &lt;a href=http://wellcomelibrary.org/player/b28523702""&gt;View online via the Wellcome Library&lt;/a&gt;; &lt;a href=""https://archive.org/details/rcplondon?&amp;and=b28523702""&gt;View online via the Internet Archive&lt;/a&gt;; &lt;a href=""https://ukmhl.historicaltexts.jisc.ac.uk/ukmhl-b28523702""&gt;View online via Jisc Historical Texts&lt;/a&gt;"", priref: 27327</t>
  </si>
  <si>
    <t>Archibald Broun</t>
  </si>
  <si>
    <t>Infantile Mortality and the Relative Practical Value of Measures Directed to Its Prevention</t>
  </si>
  <si>
    <t>April 22 and 29, and May 6, 1916</t>
  </si>
  <si>
    <t>April 22-May 6, 1916</t>
  </si>
  <si>
    <t>Printed at The Lancet Office</t>
  </si>
  <si>
    <t>Illustrations: illustrations, Dimensions: 21 cm, Series: Milroy lectures, Series Number: 1916, General Note: Reprinted from The Lancet, 22 and 29 April and 6 May, 1916, Genre: Lectures, Class Number: C042, priref: 22621</t>
  </si>
  <si>
    <t>Samson George Moore</t>
  </si>
  <si>
    <t>D. anatomica de corde</t>
  </si>
  <si>
    <t>J. Hake (excud.)</t>
  </si>
  <si>
    <t>Dimensions: 20 cms, Bibliographical Note: Dissertation., Other Names: Sennert, Michael (Praeses); Mercklin, Georg Abraham (the younger; 1644-1700) (Respondent), priref: 29216</t>
  </si>
  <si>
    <t>A Treatise on the Nature and Virtues of Buxton Waters, with a Preliminary Account of the External and Internal Use of Natural and Artificial Warm Waters among the Antients</t>
  </si>
  <si>
    <t>T. Durham</t>
  </si>
  <si>
    <t>Dimensions: 20 cm, priref: 16346</t>
  </si>
  <si>
    <t>Alexander Hunter</t>
  </si>
  <si>
    <t>Rvdimenta Mathematica. HÃ¦c in duos digeruntur libros, quorum prior geometriÃ¦ tradit principia seu prima elementa, unÃ  cumrerum &amp; uariarum figuraru[m] dimensionibus. PosterioruerÃ² omnigenum horologiorum docet delineationes</t>
  </si>
  <si>
    <t>In officina Henrichi Petri</t>
  </si>
  <si>
    <t>Statement of Responsibility: auctore Sebastiano Munstero., Publication Statement: anno christi M. D. LI Mense Martio., Illustrations: ill. (woodcuts)., Dimensions: 32 cm, Provenance: Annotation on title-page: 'E ? underlined' Former shelfmark?; Initials on title-page: 'bf', General Note: Former shelfmark note on title-page: E ? underlined; Autograph on title-page: bf, Bibliographical Note: Woodcut illustrated t.p.; Imprint from colophon; Final errata leaf, with printer's device on verso; Includes index; Printed marginalia; References: Adams M1939., Collection: Dorchester, Genre: Annotations; Initials, priref: 38986</t>
  </si>
  <si>
    <t>Sebastian MÃ¼nster</t>
  </si>
  <si>
    <t>Chez Pierre Billaine, ruÃ« S. Iaques Ã  la Bonne Foy, deuant S. Yeus</t>
  </si>
  <si>
    <t>MDCXXXVIII</t>
  </si>
  <si>
    <t>Statement of Responsibility: Par le Pere F. Iean-Francois Niceron, ..., Publication Statement: M. DC. XXXVIII, Illustrations: ill., Dimensions: 34 cm, Provenance: Autograph on half-title page: 't ? underlined'; Initials on title page: 'n:f:e'; Annotation on title page verso: 'H - 7-4', Bibliographical Note: With half-title page; Printer's device in leaf L2 recto; This copy has two visibly cut out folios between c6 and A1 with no influence on gatherings or pagination. Printer's cancel ?, Collection: Dorchester, Genre: Illegible markings; Initials; Annotations, priref: 39140</t>
  </si>
  <si>
    <t>A Letter to Charles Henry Parry on the Influence of Artificial Eruptions in Certain Diseases Incidental to the Human Body</t>
  </si>
  <si>
    <t>Printed for Baldwin, Cradock, and Joy</t>
  </si>
  <si>
    <t>Statement of Responsibility: by George Holford, Publication Statement: printed for C. &amp; J. Rivington and J. Hatchard and Son, Dimensions: 21 cm, priref: 15606</t>
  </si>
  <si>
    <t>Edward Jenner, Charles Henry Parry</t>
  </si>
  <si>
    <t>Melitensis Septicaemia (Malta or Mediterranean Fever)</t>
  </si>
  <si>
    <t>June 13th, 20th, and 27th, 1908.</t>
  </si>
  <si>
    <t>June 13-27, 1908</t>
  </si>
  <si>
    <t>Illustrations: maps, Dimensions: 21 cm, Series: Milroy lectures, Series Number: 1908, Genre: Lectures, Class Number: C042, priref: 10379</t>
  </si>
  <si>
    <t>John William Henry Eyre</t>
  </si>
  <si>
    <t>A Sermon Preach'd before King Charles II, February 10,1677-8, upon the Providence of God in the Government of the World</t>
  </si>
  <si>
    <t>MDCCXL</t>
  </si>
  <si>
    <t>O. Payne</t>
  </si>
  <si>
    <t>Dimensions: 21 cm, priref: 7277</t>
  </si>
  <si>
    <t>Zachary Cradock</t>
  </si>
  <si>
    <t>On Poisoning by Strychnia, by Alfred S. Taylor. The Trial of William Palmer</t>
  </si>
  <si>
    <t>Statement of Responsibility: by Dr. Carpenter., Publication Statement: 1857, Dimensions: 22 cm, Bibliographical Note: Title given by cataloguer; Extracted from: Edinburgh Medical Journal, v. 2, no. 7, 1857; Text supports 'On poisoning by strychnia by A. Taylor' and 'The trial of W. Palmer by Dr. Carpenter' articles; Bound in volume lettered Medico-legal tracts, 11., priref: 60498</t>
  </si>
  <si>
    <t>Alfred Swaine Taylor</t>
  </si>
  <si>
    <t>The Harveian Oration: Delivered at the Royal College of Physicians June 24,1882</t>
  </si>
  <si>
    <t>Statement of Responsibility: Donald Hunter, Dimensions: 22 cm, Binding Method: Hardback, Series: Harveian oration, Series Number: 1957, General Note: Reprinted from the Lancet, 26th October 1957, pages 811-819, Bibliographical Note: Bibliography, Citation Note: Evan Bedford library 187, Collection: Evan Bedford, Genre: Lectures, Class Number: C06.091.4, priref: 16349</t>
  </si>
  <si>
    <t>On Sterility, Depending on Certain Diseased States of the Lining Membrane of the Womb: Its Treatment and Cure</t>
  </si>
  <si>
    <t>Printed by Andrew Jack</t>
  </si>
  <si>
    <t>Statement of Responsibility: By William Cumming., Publication Statement: 18--, Dimensions: 22 cm, General Note: Bound in volume lettered Medico-legal tracts, 7.; Check date., Class Number: 340.6, priref: 8005</t>
  </si>
  <si>
    <t>William Cumming</t>
  </si>
  <si>
    <t>On Tabes Dorsalis: the Lumleian Lectures Delivered before the Royal College of Physicians, London, March, 1906</t>
  </si>
  <si>
    <t>Corporate Author: Royal College of Physicians of London, Illustrations: illustrations, Dimensions: 22 cm, Series: Lumleian lectures, Series Number: 1906, General Note: Spine title: Lumleian lectures on tabes dorsalis, Bibliographical Note: Bibliography., Collection: UK Medical Heritage Library, Genre: Lectures, Class Number: C042, Websites: &lt;a href=https://archive.org/details/rcplondon?&amp;and=b24974985""&gt;View online via the Internet Archive&lt;/a&gt;; &lt;a href=""http://wellcomelibrary.org/player/b24974985""&gt;View online via the Wellcome Library&lt;/a&gt;; &lt;a href=""https://ukmhl.historicaltexts.jisc.ac.uk/ukmhl-b24974985""&gt;View online via Jisc Historical Texts&lt;/a&gt;"", priref: 10430</t>
  </si>
  <si>
    <t>Librorum Impressorum Qui in Museo Britannico, Adservantur Catalogus</t>
  </si>
  <si>
    <t>MDCCLXXXVII</t>
  </si>
  <si>
    <t>Bigg, George</t>
  </si>
  <si>
    <t>Dimensions: 25 cm, Other Names: Mery, Francois (Proponent); Bourdelin, Louis Claude (Praeses), priref: 4011</t>
  </si>
  <si>
    <t>De morbis universalibus</t>
  </si>
  <si>
    <t>Statement of Responsibility: by Sir William Jardine, Illustrations: ill., port, Dimensions: 18 cm, Series: Naturalist's library, mammalia, Series Number: vol. 1, Class Number: 59, priref: 16668</t>
  </si>
  <si>
    <t>Carl Knocke</t>
  </si>
  <si>
    <t>De febribus symptomaticis: sive de febribus istis, quÃ¦ ab aliis affectibus morbÃ­sve, jam in aliqua corporis parte grassantibus, oriuntur: deque earum curatione</t>
  </si>
  <si>
    <t>MDCCXXXI</t>
  </si>
  <si>
    <t>impensis B. Lintot</t>
  </si>
  <si>
    <t>Publication Statement: 1673, Dimensions: 20 cm, priref: 9171</t>
  </si>
  <si>
    <t>Samuele Dwight</t>
  </si>
  <si>
    <t>Ueber Lungen-Melanose: vorgetragen in der Gesellschaft fÃ¼r wissenschaftliche Medicin zu Berlin</t>
  </si>
  <si>
    <t>Georg Reimer</t>
  </si>
  <si>
    <t>Statement of Responsibility: von Dr. Oppert, Corporate Author: Gesellschaft fur Wissenschaftliche Medicin zu Berlin, Publication Statement: 1857?, Dimensions: 23 cm, General Note: On title page: Abdruck aus GÃ¶schen's Deutscher Kilink"" 1857. No. 36-38.; Publisher details on final page."", priref: 200004301</t>
  </si>
  <si>
    <t>Dr. Francis Oppert</t>
  </si>
  <si>
    <t>I. Sever. PinÃ¦i carnut. De integritatis &amp; corruptionis virginum notis: graviditate item &amp; partu naturali mulierum, opuscula II. Ludov. Bonacioli Ferr. enneas muliebris. lII. Fel. Plateri Basil. de origine partium, earumque in utero conformatione. IV. Petri Gassendi de septo cordis pervio, observatio. V. Melchioris Sebizii de notis virginitatis. Accedunt indices novi ac pleni</t>
  </si>
  <si>
    <t>MDCLXIII</t>
  </si>
  <si>
    <t>Apud Joannem Ravesteinium</t>
  </si>
  <si>
    <t>Publication Statement: M. DC. LXIII., Illustrations: ill., tables, Dimensions: 14 cm, Bibliographical Note: Additional engraved title-page; Part 2 has half-title: De foetus formatione; Ms notes in last pages, Collection: Evan Bedford, priref: 25158</t>
  </si>
  <si>
    <t>52.3679843,4.9035614</t>
  </si>
  <si>
    <t>Severin Pineau</t>
  </si>
  <si>
    <t>Commentaries on the Treatment of Scirrhi and Cancersâ€¦ [Pt 1]</t>
  </si>
  <si>
    <t>Printed by and for Nichols and Son</t>
  </si>
  <si>
    <t>Statement of Responsibility: by William Stoker, Dimensions: 22 cm, General Note: Printed by C.F. Goodwin, Bibliographical Note: 23, Citation Note: Eustace-St""--t.p. verso.; ""The sequel of this Treatise, Summary: is now unavoidably postponed ""--p. 48."", Continues: Ireland, Price: &lt;a href=http://wellcomelibrary.org/player/b28524421""&gt;View online via the Wellcome Library&lt;/a&gt;; &lt;a href=""https://archive.org/details/rcplondon?&amp;and=b28524421""&gt;View online via the Internet Archive&lt;/a&gt;; &lt;a href=""https://ukmhl.historicaltexts.jisc.ac.uk/ukmhl-b28524421""&gt;View online via Jisc Historical Texts&lt;/a&gt;""</t>
  </si>
  <si>
    <t>William Thomas</t>
  </si>
  <si>
    <t>The Harveian Oration Delivered at the Royal College of Physicians June 26 1872: Being an Analysis of Harvey's Exercises on Generation</t>
  </si>
  <si>
    <t>Statement of Responsibility: by Arthur Farre, Illustrations: portrait, Dimensions: 20 cm, Binding Method: Hardback, Provenance: Autograph: Farre, Arthur, Series: Harveian oration, Series Number: 1872, General Note: 12366-6: Author's proof copy, with his corrections of the manuscript, Genre: Lectures, Class Number: C06.091.4, priref: 10810</t>
  </si>
  <si>
    <t>Arthur Farre</t>
  </si>
  <si>
    <t>The Bibliomania: Or, Book Madness: Containing Some Account of the History, Symptoms, and Cure of This Fatal Disease: In an Epistle Addressed to Richard Heber, Esq.</t>
  </si>
  <si>
    <t>Longman, Hurst, Rees, and Orme</t>
  </si>
  <si>
    <t>Statement of Responsibility: le annotationi di G. Balduino, Dimensions: 43 cm, Bibliographical Note: Two volumes., Class Number: 944, priref: 8393</t>
  </si>
  <si>
    <t>John Ferriar, Thomas Frognall Dibdin</t>
  </si>
  <si>
    <t>The Nomenclature of Diseases: Drawn up by a Joint Committee Appointed by the Royal College of Physicians</t>
  </si>
  <si>
    <t>Spottiswoode &amp; Co.</t>
  </si>
  <si>
    <t>Corporate Author: Royal College of Physicians of London, Publication Statement: Printed for the Royal College of Physicians by Spottiswoode &amp; co., Dimensions: 25 cm, Provenance: Autograph: Sibson, Francis.; Bookplate: Ouvry, Frederic., General Note: Subject to decennial revision"" -- t.p.; Latin, Bibliographical Note: French, Citation Note: German and Italian equivalents for the English names of diseases."", Continues: Sibson, F. (Francis), 1814-1876 (Inscriber); Ouvry, Frederic, 1814-1881 (Former owner), Continued by: C616, Attached Documents: &lt;a href=https://archive.org/details/rcplondon?&amp;and=b24976787""&gt;View online via the Internet Archive&lt;/a&gt;; &lt;a href=""http://wellcomelibrary.org/player/b24976787""&gt;View online via the Wellcome Library&lt;/a&gt;; &lt;a href=""https://ukmhl.historicaltexts.jisc.ac.uk/ukmhl-b24976787""&gt;View online via Jisc Historical Texts&lt;/a&gt;"", Parent: 46555</t>
  </si>
  <si>
    <t>Inborn Errors of Metabolism: the Croonian Lectures Delivered before the Royal College of Physicians of London, in June, 1908</t>
  </si>
  <si>
    <t>Henry Frowde; Hodder and Stoughton</t>
  </si>
  <si>
    <t>Statement of Responsibility: by Archibald E. Garrod, Corporate Author: Royal College of Physicians of London, Dimensions: 20 cm, Binding Method: Hardback, Provenance: Autograph: Garrod, Archibald Edward (Sir), in 21398, Series: Croonian lectures, Series Number: 1908, Collection: UK Medical Heritage Library, Genre: Lectures, Other Names: Garrod, Archibald E. (Archibald Edward), Sir, 1857-1936 (Inscriber), Class Number: C042, Websites: &lt;a href=https://archive.org/details/rcplondon?&amp;and=b24975060""&gt;View online via the Internet Archive&lt;/a&gt;; &lt;a href=""http://wellcomelibrary.org/player/b24975060""&gt;View online via the Wellcome Library&lt;/a&gt;; &lt;a href=""https://ukmhl.historicaltexts.jisc.ac.uk/ukmhl-b24975060""&gt;View online via Jisc Historical Texts&lt;/a&gt;"", priref: 11759</t>
  </si>
  <si>
    <t>Fibros BlÃ¦repolyp: Trikiuri</t>
  </si>
  <si>
    <t>Illustrations: Ill., Dimensions: 64 cm, Provenance: Autograph: Baillie, Matthew, Other Names: Baillie, Matthew, 1761-1823 (Donor), Class Number: 611.83(084), priref: 33344</t>
  </si>
  <si>
    <t>Danish</t>
  </si>
  <si>
    <t>E. Winge</t>
  </si>
  <si>
    <t>Doctor Rogers's Oleum Arthriticum, or Specifick Oil for the Gout</t>
  </si>
  <si>
    <t>Cruden, Alexander, 1699-1770</t>
  </si>
  <si>
    <t>Dimensions: 20 cm, priref: 27950</t>
  </si>
  <si>
    <t>John Rogers</t>
  </si>
  <si>
    <t>[Galenou 1 [-5]] = Galeni librorum pars prima [-quinta], quorum indicem VI. pagina continet</t>
  </si>
  <si>
    <t>in aedibus Aldi, et Andreae Asulani soceri</t>
  </si>
  <si>
    <t>Dimensions: 17 cm, Bibliographical Note: 2 copies.; T.-p. wanting in one copy, supplied in photostat.; One copy shelved in Dorchester library at 46c D42/2., Collection: Dorchester, Class Number: 52, priref: 3100</t>
  </si>
  <si>
    <t>Delle azioni simpatiche invocate a spiegazione di alcuni fenomeni occasionali dalle sostanze medicamentose</t>
  </si>
  <si>
    <t>tipografia di M. Gecchi</t>
  </si>
  <si>
    <t>Statement of Responsibility: published by Felix Thibert., Dimensions: 21 cm, Collection: UK Medical Heritage Library, Genre: Museum catalogues, Class Number: 61(069.538), Websites: &lt;a href=https://archive.org/details/rcplondon?&amp;and=b24755989""&gt;View online via the Internet Archive&lt;/a&gt;; &lt;a href=""http://wellcomelibrary.org/player/b24755989""&gt;View online via the Wellcome Library&lt;/a&gt;; &lt;a href=""https://ukmhl.historicaltexts.jisc.ac.uk/ukmhl-b24755989""&gt;View online via Jisc Historical Texts&lt;/a&gt;; &lt;a href=""https://ukmhl.historicaltexts.jisc.ac.uk/ukmhl-b24755989""&gt;View online via Jisc Historical Texts&lt;/a&gt;"", priref: 1180</t>
  </si>
  <si>
    <t>Epilepsia</t>
  </si>
  <si>
    <t>C. Frenschmids (literis)</t>
  </si>
  <si>
    <t>Dimensions: 20cms, Bibliographical Note: (3 copies).; Disputation. T.Bussius respondent.; One copy 4to Tr.29(1), one 4to Tr.39(8)., Other Names: Moebius, Gottfried (Praeses); Bussius, Theodor (Respondent), priref: 23010</t>
  </si>
  <si>
    <t>The Practice of English Medical Men in Switzerland: Some Information about the Present State of the Question and the Difficulties That the Conclusion of an Anglo-Swiss Treaty of Reciprocity Meets with from the Swiss Medical Profession</t>
  </si>
  <si>
    <t>Printed by Charles Pfeffer</t>
  </si>
  <si>
    <t>Statement of Responsibility: Peter Wyatt Squire, Publication Statement: London : J. &amp; A. Churchill, 1891, Dimensions: 22 cm</t>
  </si>
  <si>
    <t>Brothers Coester</t>
  </si>
  <si>
    <t>Martini Borrhai in cosmographiae elementa commentatio. Astronomica. Geographica: Libellus, ut mole exiguus, ita utilitate atque elegantia maximus, ac uerÃ¨ scholasticus, astronomiae atque geographiae studiosis utilissimus futurus</t>
  </si>
  <si>
    <t>Oporinus, Joannes</t>
  </si>
  <si>
    <t>Publication Statement: Basileae : Per Ioannem Oporinum, Anno M.D.L.V. Mense Augusto., Illustrations: woodcut illustrations, Dimensions: 17 cm, Binding: Copy number 7416: 16th-century vellum binding on three leather supports., Provenance: Former shelf mark on cover: 'W.49'.; Copy number 7416: Former shelf mark on cover: 'W.49'.; Copy 7416: Roberts and Watson note that this copy 'is without notes byt may be Dee's., General Note: Date from preface.; Errata on last leaf.; Copy 7416: Dorchester No. 46/14, Citation Note: Copy 7416: Roberts and Watson, 729, Collection: John Dee; Dorchester, Genre: Vellum bindings; Woodcut illustrations; Shelf marks; Errata lists; Annotations, Other Names: Dorchester, Henry Pierrepont, Marquis of, 1606-1680 (Donor), priref: 35951</t>
  </si>
  <si>
    <t>Martin Borrhaus</t>
  </si>
  <si>
    <t>Remarks on the Present Mode of Chirurgical Attendance in the Royal Infirmary of Edinburgh</t>
  </si>
  <si>
    <t>Neill and Company</t>
  </si>
  <si>
    <t>Corporate Author: Academie Royale des Sciences (France), ISSN: 20203705, Illustrations: illustrations, Dimensions: 27 cm, Binding Method: Hardback, Genre: Periodicals, Other Names: Anisson, Jean, 1642?-1721 (Editor), Holding Note: 1692-1693, 1 Volume, priref: 1226, Numbering Note: Du XXXI. Janvier M. DC. XCII.-Du XXXI Decembre M. DC. XCIII</t>
  </si>
  <si>
    <t>James Arrott</t>
  </si>
  <si>
    <t>The Birth and Growth of Science in Medicine (Harveian Oration, 1920)</t>
  </si>
  <si>
    <t>Adlard and Son and West Newman</t>
  </si>
  <si>
    <t>Statement of Responsibility: by Sir Frederick W. Andrewes, Dimensions: 23 cm, Binding Method: Hardback, Series: Harveian oration, Series Number: 1920, General Note: Delivered before the Royal College of Physicians of London, October 18th, 1920, Genre: Lectures, Class Number: C06.091.4, priref: 35439</t>
  </si>
  <si>
    <t>Frederick William Andrewes</t>
  </si>
  <si>
    <t>D.m.i. de medicamentorum sudoriferorum natura, operatione, &amp; usu</t>
  </si>
  <si>
    <t>MDCLXXXII</t>
  </si>
  <si>
    <t>Dimensions: 23cms., priref: 25595</t>
  </si>
  <si>
    <t>Joshua Palmer</t>
  </si>
  <si>
    <t>An Address, Delivered at the First Anniversary Meeting of the Birmingham School of Medicine and Surgery</t>
  </si>
  <si>
    <t>Richard Davies</t>
  </si>
  <si>
    <t>Illustrations: Ill, Dimensions: 22cm, priref: 17248</t>
  </si>
  <si>
    <t>James Thomas Law</t>
  </si>
  <si>
    <t>Narratio de ortu, vita et obitu... Henrici Bullingeri, Tigurinae Ecclesiae pastoris ... ; item oratio funebis</t>
  </si>
  <si>
    <t>Froschoverus (excud.)</t>
  </si>
  <si>
    <t>Dimensions: 20 cm, Provenance: Autograph: Young, John (1639), Bibliographical Note: Various paging. S.T.C.21813., Class Number: 1-SCH, priref: 28730</t>
  </si>
  <si>
    <t>Josiah Simler, Heinrich Bullinger, Joannes Guilielmus Stukius</t>
  </si>
  <si>
    <t>De l'influence que les maladies de l'utÃ©rus exercent sur l'Ã©conomie. thÃ¨se</t>
  </si>
  <si>
    <t>Statement of Responsibility: by James Henry, Dimensions: 22 cm, priref: 14804</t>
  </si>
  <si>
    <t>Philippe Hutin</t>
  </si>
  <si>
    <t>Oratio ex Harveii instituto in aedibus Collegii Regalis Medicorum: habita die Junii XXV; MDCCCXLV</t>
  </si>
  <si>
    <t>Oxonii (e typographeo academico)</t>
  </si>
  <si>
    <t>Statement of Responsibility: By Dr Lyell ; communicated by professor Simpson., Illustrations: ill., Dimensions: 22 cm, Bibliographical Note: Catalogued from head of text. Above title: 'Meeting V. May 10.- Dr Simpson, President, in the chair'; An extract from the, Abstract of Proceedings of the Obstetric Society of Edinburgh', 1847, p. 15-17; Bound in volume lettered: Medico-legal Tracts, 3., Class Number: 340.6, priref: 20144</t>
  </si>
  <si>
    <t>40.22344,-74.03128</t>
  </si>
  <si>
    <t>Charles Daubeny</t>
  </si>
  <si>
    <t>Oratio in theatro Collegii Regalis Medicorum Londinensis: ex Harveii instituto habita festo divi lucÃ¦: A. D. MDCCLXXI (Harveian Oration, 1771)</t>
  </si>
  <si>
    <t>apud J. Walter</t>
  </si>
  <si>
    <t>Johanne Green</t>
  </si>
  <si>
    <t>A Report â€¦ of Tables Exhibiting the General Admissions and Deaths, with the Fever Cases and Deaths from Fever, Occurring at the Hospital since the Commencement of the Registers in 1751 to 1820, Together with Observations on the Tables, by Isaac Buxton, [And Appendix to a Report â€¦ ]</t>
  </si>
  <si>
    <t>Printed at the Free-School</t>
  </si>
  <si>
    <t>Statement of Responsibility: par MM. Isnard et S. Dieu., Dimensions: 22 cm, Provenance: Former owner: Alfred S. Taylor - 15 St James's Terrace - Regents Park., General Note: Bound in Medico-legal tracts, 27., Other Names: Taylor, Alfred Swaine, 1806-1880 (Former owner), Class Number: 340.6, priref: 18843</t>
  </si>
  <si>
    <t>Isaac Buxton</t>
  </si>
  <si>
    <t>Clavdii Ptolemaei Pelusiensis Alexandrini omnia quÃ¦ extant opera, prÃ¦ter Geographiam, quam non dissimili forma nuperrime Ã¦didimus</t>
  </si>
  <si>
    <t>Petri, Heinrich</t>
  </si>
  <si>
    <t>Statement of Responsibility: summa cura &amp; diligentia castigata ab Erasmo Osualdo Schrekhenfuchsio, &amp; ab eodem Isagoica sic in Almagestum praefatione, &amp; fidelissimis in priores libros annotationibus illustrata, quemadmodum sequens pagina catalogo indicat., Publication Statement: Basel : in officina Henrichi Petri, Mense Martio Anno M. D. LI, Illustrations: illustrations (woodcuts), Dimensions: 32 cm, Binding: Binding: XVI c. brown calf on wood. Blind tooled concentric frames containig blind rolled medallions and floral motifs. With clasps. Fore-edge reads: 'Ptolomei Opera', Provenance: Former shelfmark on fly-leaf, recto: y underlined; Former shelfmark on title-page, lower: es; Provenance: Dorchester catalogue mentions 2 v.; Ms notes.; Copy number 8020: Roberts and Watson note is probably not Dee's""."", General Note: Printer and date from colophon; Printer's device on t.p. and verso of last leaf; Engraved initials; Two columns to the page; Copy number 8020: Dorchester number D15/16, Bibliographical Note: Includes index, Citation Note: Roberts and Watson, 87, Summary: Contents: (from t.p. verso) Almagesti seu Magnae compositionis mathematicae opus, / a Georgio Trapezuntio tralatum, lib. XIII. -- De iudicijs astrologicis, aut, ut uulgo uocant, QuadripartitÃƒÂ¦ constructionis, lib. IIII. / Quorum priores duo a Ioachimo Camerario Latinitate donati sunt: ... -- Centum sententiae, quod Centiloquium dicunt, / a Iouiano Pontano uersae. -- Inerrantium stellarum seu fixarum significationes, / per Nicolaum Leonicum traductae. -- Procli Diadochi Hypotoposes astronomicarum positionum, quod est omnium, quÃƒÂ¦ in Almagesto demonstrantur, epitome &amp; compendium, ad reminiscentiam rerum plurimum conducens, / Georgio Valla Placentino interprete., Collection: Dorchester; John Dee, Genre: Edge titles; Annotations; Printers' devices, Other Names: Dorchester, Henry Pierrepont, Marquis of, 1606-1680 (Donor), priref: 39849</t>
  </si>
  <si>
    <t>, Erasmus Oswald Schrekenfuchs, , Giorgio Valla</t>
  </si>
  <si>
    <t>Michael Servetus. Discoverer of the Pulmonary Circulation. His Life and Work</t>
  </si>
  <si>
    <t>E. J. Brill</t>
  </si>
  <si>
    <t>Statement of Responsibility: Alexander Fleming and V. D. Allison, Illustrations: illustrations, tables, Dimensions: 25 cm, Bibliographical Note: Bibliography, Class Number: 612.015.1, priref: 200002018</t>
  </si>
  <si>
    <t>D.i. de calculo renum</t>
  </si>
  <si>
    <t>MDCL</t>
  </si>
  <si>
    <t>Dimensions: 20cms, Bibliographical Note: Dissertation. A.G.Billich proponent., Other Names: Schneider, Conrad Victor (Praeses); Billich, Anton Gunther (Proponent), priref: 28941</t>
  </si>
  <si>
    <t>D. chirurgica de pernionibus</t>
  </si>
  <si>
    <t>Wernerianis (typis)</t>
  </si>
  <si>
    <t>Illustrations: illustrations, Dimensions: 32 cm, Binding Method: Hardback, Provenance: Autograph: Butler, Katherine, General Note: Includes unsigned manuscript note on the fly-leaf, 'The Names of persons in this poem', Citation Note: Wing B 3081, Class Number: C08, priref: 3671</t>
  </si>
  <si>
    <t>Gerhard Boltenhagen</t>
  </si>
  <si>
    <t>Howard Taylor Ricketts</t>
  </si>
  <si>
    <t>April, 1922</t>
  </si>
  <si>
    <t>Statement of Responsibility: by Thomas W. Goodspeed, Illustrations: portrait, Dimensions: 24 cm, Provenance: Donated by H. T. Ricketts, General Note: Article reprinted for private circulation, Genre: Biographies, Other Names: Ricketts, Howard Taylor (Donor), Class Number: 92 RIC, priref: 200002302</t>
  </si>
  <si>
    <t>Thomas W. Goodspeed</t>
  </si>
  <si>
    <t>De phthisi pulmonum tuberculosa</t>
  </si>
  <si>
    <t>MDCCCXXXIII</t>
  </si>
  <si>
    <t>Academiae Scientiarum (typis)</t>
  </si>
  <si>
    <t>Statement of Responsibility: by Anthony Todd Thomson ..., Publication Statement: London : Longman, Rees, Orme, Brown, Green, and Longman, Paternoster Row ; and John Taylor, Upper Gower Street, MDCCCXXXII, Dimensions: 22 cm, Binding: Copy numbers 56319 and 56320: 20th century black cloth case binding. Earlier edge sprinkling in blue and red, Provenance: Copy nymber 56319 and 56320: Donated by the Harveian Society of London, May 2015, General Note: Copy number 26693: volume 1 only; Corrigenda on last leaf of volume 2; Volume 2 has same imprint, dated 1833, Preservation Note: Copy number 56319 substanitally affected by old mold damage, especially at foot of textblock, Genre: Errata lists; Sprinkled edges, Other Names: Harveian Society of London (Donor), Class Number: 615, priref: 32656</t>
  </si>
  <si>
    <t>Alexander M. Blastos</t>
  </si>
  <si>
    <t>Paschasii Hamellii Regii mathematici commentarius in Archimedis Syracusani praeclari mathematici libru[m] de numero arenae, multis locis</t>
  </si>
  <si>
    <t>Cauellat, Gulielmum,-1576 or 1577</t>
  </si>
  <si>
    <t>Dimensions: 21 cm, Collection: Dorchester, priref: 35722</t>
  </si>
  <si>
    <t xml:space="preserve">Paschasius Hamellius, </t>
  </si>
  <si>
    <t>Benjamin Jesty: A Pre-Jennerian Vaccinator</t>
  </si>
  <si>
    <t>February, 1900</t>
  </si>
  <si>
    <t>Statement of Responsibility: Thomas McCrae, Illustrations: illustration, 1 portrait, Dimensions: 24 cm, Provenance: Donated by the Osler Club, Other Names: Osler Club of London (Donor), Class Number: 92 JES, priref: 200003676</t>
  </si>
  <si>
    <t>Thomas McCrae</t>
  </si>
  <si>
    <t>De canibus britannicisâ€¦; De rariorum animalium et stirpium historiaâ€¦; De libris propriisâ€¦; De pronunciatione Graecae &amp; Latinae linguaeâ€¦; recogniti a S. Jebb, M. D.</t>
  </si>
  <si>
    <t>MDCCXXIX</t>
  </si>
  <si>
    <t>C. Davis</t>
  </si>
  <si>
    <t>Dimensions: 19 cm, Provenance: Book-plate: Hale, Richard, Bibliographical Note: 2 copies.; One copy large paper., Class Number: C08 CAI, priref: 39558</t>
  </si>
  <si>
    <t>John Caius, Samuel Jebb</t>
  </si>
  <si>
    <t>Archimedis Opera non nvlla</t>
  </si>
  <si>
    <t>MDLVIII</t>
  </si>
  <si>
    <t>Manuzio, Paolo</t>
  </si>
  <si>
    <t>Dimensions: 32 cm, Provenance: Copy no.s 10706; 10707; 10708; 10709: Autograph: Calybute Downinge, Bibliographical Note: Pts 1-3 entitled Summae theologiae pars prima-tertia, dated 1575., Collection: Dorchester, Genre: Autographs, Other Names: Downing, Calybute, 1606-1644 (Former owner), priref: 35321</t>
  </si>
  <si>
    <t>27.0993922,-82.4506895</t>
  </si>
  <si>
    <t>The Bradshaw Lecture on Tuberculosis of the Nervous System</t>
  </si>
  <si>
    <t>November 5th, 1903</t>
  </si>
  <si>
    <t>Printed at the Lancet Office</t>
  </si>
  <si>
    <t>Statement of Responsibility: by E.F. Trevelyan, Corporate Author: Royal College of Physicians of London, Publication Statement: 1903, Dimensions: 19 cm, Series: Bradshaw lectures Royal College of Physicians, Series Number: 1903, General Note: Delivered before the Royal College of Physicians of London""; Reprinted from The Lancet, Bibliographical Note: 7 November 1903, Citation Note: pages 1276-80"", Summary: Includes bibliographic references, Class Number: Lectures, Continued by: C042, Attached Documents: &lt;a href=https://archive.org/details/rcplondon?&amp;and=b24976337""&gt;View online via the Internet Archive&lt;/a&gt;; &lt;a href=""http://wellcomelibrary.org/player/b24976337""&gt;View online via the Wellcome Library&lt;/a&gt;; &lt;a href=""https://ukmhl.historicaltexts.jisc.ac.uk/ukmhl-b24976337""&gt;View online via Jisc Historical Texts&lt;/a&gt;"", Parent: 31929</t>
  </si>
  <si>
    <t>Edmond Fauriel Trevelyan</t>
  </si>
  <si>
    <t>Propempticon inaugurale de logica medica; [cum vita candidati G. Sachse]</t>
  </si>
  <si>
    <t>Statement of Responsibility: par J. de Baye, Corporate Author: International Congress of Anthropology and Prehistoric Archaeology, Dimensions: 22 cm, General Note: Report of the proceedings of the International Congress of Anthropology and Prehistoric Archaeology. 7th, Stockholm, 1874., priref: 7234</t>
  </si>
  <si>
    <t>Gottfried Sachse</t>
  </si>
  <si>
    <t>Disputatio medica inauguralis de phthisi â€¦</t>
  </si>
  <si>
    <t>MDCLXIX</t>
  </si>
  <si>
    <t>Dimensions: 21 cm, priref: 15775</t>
  </si>
  <si>
    <t>, Frans de Le Boe</t>
  </si>
  <si>
    <t>An Examination of the Medical Facts in the Case of the Queen V. Kirwan: With Medico-Legal Observations</t>
  </si>
  <si>
    <t>JANUARY 26, 1853</t>
  </si>
  <si>
    <t>January 26, 1853</t>
  </si>
  <si>
    <t>Dublin Medical Press</t>
  </si>
  <si>
    <t>Statement of Responsibility: by T. G. Geoghegan, Dimensions: 22 cm, Provenance: Book-stamp: Dublin Medical Press., General Note: Extracted from the, 'Dublin Medical Press', Volume 29, no.734, 26th of January, 1853.; MS notes on t.p.; Library of Congress Authorities gives Kirwan, Bibliographical Note: William Bourke"" as the Name Authority entry.; Bound in volume lettered Medico-legal tracts, Citation Note: 4."", Summary: Bibliography., Continued by: 340.6, Parent: 12033</t>
  </si>
  <si>
    <t>Thomas G. Geoghegan</t>
  </si>
  <si>
    <t>Observations on the Pot-Ash Brought from America â€¦</t>
  </si>
  <si>
    <t>MDCCLXVII</t>
  </si>
  <si>
    <t>[Society for the Encouragement of Arts]</t>
  </si>
  <si>
    <t>Statement of Responsibility: a J. Junckero et J. Burchardo, Dimensions: 23 cm, Bibliographical Note: A seperate title-page has been reprinted from the editions of Wittenberg and Halle., priref: 8988, Child: 36959; 42154</t>
  </si>
  <si>
    <t>Robert Dossie</t>
  </si>
  <si>
    <t>The Evolution of the Operating Table</t>
  </si>
  <si>
    <t>Statement of Responsibility: by William Seaman Bainbridge, Illustrations: illustrations, Dimensions: 20 cm, Bibliographical Note: Bibliography, Class Number: 615.478.6, priref: 200000513</t>
  </si>
  <si>
    <t>William Seaman Bainbridge</t>
  </si>
  <si>
    <t>A Letter to the President and Fellows of the Royal College of Physicians of London</t>
  </si>
  <si>
    <t>Printed by C. And J. Adlard</t>
  </si>
  <si>
    <t>Publication Statement: printed for J. Callow, by J and W. Smith, Dimensions: 22 cm, priref: 16964</t>
  </si>
  <si>
    <t>Edwin Lankester</t>
  </si>
  <si>
    <t>John Dixon Mann, 1840-1912</t>
  </si>
  <si>
    <t>Sherratt &amp; Hughes</t>
  </si>
  <si>
    <t>Statement of Responsibility: E. M. B., Dimensions: 24 cm, Bibliographical Note: Bibliography, by Cuthbert E. A. Clayton, Genre: Biographies, Class Number: 92 MAN, priref: 200000330</t>
  </si>
  <si>
    <t>D.m.i. de chlorosi sive foedis virginum coloribus</t>
  </si>
  <si>
    <t>MDCLXXXVIII</t>
  </si>
  <si>
    <t>Dimensions: 23 cms, Bibliographical Note: Pp 41-end wanting., priref: 31292</t>
  </si>
  <si>
    <t>John Tombes</t>
  </si>
  <si>
    <t>Climate</t>
  </si>
  <si>
    <t>Marchant, Printer</t>
  </si>
  <si>
    <t>Corporate Author: Medico-Botanical Society of London, Dimensions: 22 cm, Genre: Addresses, priref: 5262</t>
  </si>
  <si>
    <t>Sir James Clark</t>
  </si>
  <si>
    <t>Dissertatio inauguralis medica qua hectica cardiaca â€¦ submittitur</t>
  </si>
  <si>
    <t>23 Octobr.Anno 1697</t>
  </si>
  <si>
    <t>October 23, 1697</t>
  </si>
  <si>
    <t>Kindlebianis (literis)</t>
  </si>
  <si>
    <t>Dimensions: 20cms, Other Names: Sperling, Johann (Praeses), priref: 30463</t>
  </si>
  <si>
    <t>D. physica de lapidibus in genere</t>
  </si>
  <si>
    <t>d. 11. Decembris ANNO CHRISTI MDCIIL</t>
  </si>
  <si>
    <t>December 11, 1648</t>
  </si>
  <si>
    <t>T. Honii (literis heredum)</t>
  </si>
  <si>
    <t>Dimensions: 21 cms, Provenance: Autograph: Kelmann, Peter W., Bibliographical Note: 2 copies.; Disputatio.; One copy at 4to Tr.28(5)., Other Names: Tappe, Jakob (Praeses); Lembken, Burchard (Respondent), priref: 31288</t>
  </si>
  <si>
    <t>Tesis sobre la irritacion, inflamacion y fiebre : que presenta a la Universidad de Buenos Ayres</t>
  </si>
  <si>
    <t>Imprenta de la Libertad</t>
  </si>
  <si>
    <t>Statement of Responsibility: par L. Fauleau, Publication Statement: an XI., 1803, Dimensions: 22 cm, Provenance: Signature on recto: Alfred S. Taylor - 15 St James's Terrace - Regents Park, General Note: Bound in Medico-legal tracts, 29., Bibliographical Note: Bibliography., Collection: UK Medical Heritage Library, Other Names: Taylor, Alfred Swaine, 1806-1880 (Former owner), Class Number: 340.6, Websites: &lt;a href=http://wellcomelibrary.org/player/b28405791""&gt;View online via the Wellcome Library&lt;/a&gt;; &lt;a href=""https://archive.org/details/rcplondon?&amp;and=b28405791""&gt;View online via the Internet Archive&lt;/a&gt;; &lt;a href=""https://ukmhl.historicaltexts.jisc.ac.uk/ukmhl-b28405791""&gt;View online via Jisc Historical Texts&lt;/a&gt;"", priref: 10631</t>
  </si>
  <si>
    <t>Spanish</t>
  </si>
  <si>
    <t>-34.603683,-58.381557</t>
  </si>
  <si>
    <t>Cayetano Garviso</t>
  </si>
  <si>
    <t>Dissertatio inauguralis medica de haemorrhoidibus â€¦</t>
  </si>
  <si>
    <t>XXVI. APRILIS MDCCCXXIV</t>
  </si>
  <si>
    <t>April 26, 1824</t>
  </si>
  <si>
    <t>Statement of Responsibility: translated from the German of Th. L.W. Bischoff, by Henry Smith, Dimensions: 22 cm, General Note: Translation from the German of: Beweis der von der Begattung unabhaÌˆngigen periodischen Reifung und LosloÌˆsung der Eier der SaÌˆugethiere und des Menschen.; At top of p. 3: (From the London Medical Gazette.); Two copies.; Another copy at, Tr.239(6)., Other Names: Smith, H. (Translator), priref: 3516</t>
  </si>
  <si>
    <t>Hermann Gottfried Brucke</t>
  </si>
  <si>
    <t>The Dispensary: a Poem [Anonymous]</t>
  </si>
  <si>
    <t>J. Nutt</t>
  </si>
  <si>
    <t>Dimensions: 22 cm, Bibliographical Note: Bound with 'A discourse setting forth the unhappy condition of the practice of physick in London' by Jonathan Goddard, 1670. Spine title: pamphlets on physic and physicians, Citation Note: Wing G273, Class Number: C9, priref: 11779</t>
  </si>
  <si>
    <t>Sir Samuel Garth</t>
  </si>
  <si>
    <t>D. m. de febribus in genere</t>
  </si>
  <si>
    <t>M. Oelschlegelii (literis haered.)</t>
  </si>
  <si>
    <t>Dimensions: 21 cms, Bibliographical Note: Dissertation., Other Names: Sennert, Michael (Praeses); Hartwig, Johannes (Proponent), priref: 29217</t>
  </si>
  <si>
    <t>De La Suette Du Poitou</t>
  </si>
  <si>
    <t>PICHOT; FORTIN, MASSON et Cie</t>
  </si>
  <si>
    <t>Statement of Responsibility: by H. Letherby., Dimensions: 22 cm, Bibliographical Note: Bound in volume lettered Medico-legal tracts, 5 (MLT 5); Reprinted from, 'Medico-chirurgical Transactions', Volume 5(26); An abstract of this article is bound in, Medico-legal Tract 15., Class Number: 340.6, priref: 19025</t>
  </si>
  <si>
    <t>46.580224,0.340375</t>
  </si>
  <si>
    <t>Alphonse Loreau</t>
  </si>
  <si>
    <t>Half a Century of Small-Pox and Vaccination Being the Milroy Lectures Delivered before the Royal College of Physicians London on March 13th, 18th and 20th, 1919</t>
  </si>
  <si>
    <t>March 13th, 18th and 20th, 1919</t>
  </si>
  <si>
    <t>E. &amp; S. Livingstone</t>
  </si>
  <si>
    <t>Statement of Responsibility: by John C. McVail, Dimensions: 22 cm, Binding Method: Hardback, Provenance: Donated by McVail, John C. (John Christie), 1849-1926, Series: Milroy lectures, Series Number: 1919, Bibliographical Note: Bibliography, Genre: Lectures, Other Names: McVail, John C. (John Christie), 1849-1926 (Donor), Class Number: C042, priref: 21784</t>
  </si>
  <si>
    <t>Address to the Royal College of Physicians, April 9th, 1900</t>
  </si>
  <si>
    <t>Corporate Author: Royal College of Physicians of London, Publication Statement: 1900-5, Dimensions: 21 cm, Series: Royal College of Physicians of London. Presidential addresses, General Note: Copy number 21921 is a bound copy covering years 1900-02, number 21922 covers 1903-05 and number 21920 covers 1900-05. All other copies are individual years., Collection: UK Medical Heritage Library, Class Number: C91, Websites: &lt;a href=https://archive.org/details/rcplondon?&amp;and=b24974766""&gt;View online via the Internet Archive&lt;/a&gt;; &lt;a href=""http://wellcomelibrary.org/player/b24974766""&gt;View online via the Wellcome Library&lt;/a&gt;; &lt;a href=""https://ukmhl.historicaltexts.jisc.ac.u, priref: 6751</t>
  </si>
  <si>
    <t>Dissertatio inauguralis medica exhibens aegrum phthisi laborantem</t>
  </si>
  <si>
    <t>April. Anno MDCIC</t>
  </si>
  <si>
    <t>April, 1699</t>
  </si>
  <si>
    <t>J. H. Kindlebii (literis)</t>
  </si>
  <si>
    <t>Statement of Responsibility: by Christopher Stanger, Publication Statement: Printed by C. Whittingham, for J. Johnson, St. Paul's Church Yard; and J. Butterworth, Fleet Street, Dimensions: 22 cm, Class Number: C614.25, priref: 30452</t>
  </si>
  <si>
    <t>An Anecdote of Sydenham</t>
  </si>
  <si>
    <t>Statement of Responsibility: By John Shebbeare., Publication Statement: M.DCC.LXXIII, Dimensions: 22 cm, Binding: Rebound in quarter calf with marbled boards. New endpapers, Bibliographical Note: With half-title page; Edition statement appears before author., Collection: Heberden, priref: 48181</t>
  </si>
  <si>
    <t>Samuel Jones Gee</t>
  </si>
  <si>
    <t>QuÃ¦stio medica confertne ventriculi motus, ad elaborationem chyli?</t>
  </si>
  <si>
    <t>17 Februarii 1729</t>
  </si>
  <si>
    <t>February 17, 1729</t>
  </si>
  <si>
    <t>[J. Quillau (typis viduae)]</t>
  </si>
  <si>
    <t>Publication Statement: 1675, Dimensions: 20 cm, Other Names: Four, David de (Respondent); Wedel, Georg Wolfgang (Praeses), priref: 11110</t>
  </si>
  <si>
    <t>Desidere Claude Fremont</t>
  </si>
  <si>
    <t>De aegrotantivm optimo assistente, eivsq. officio in singvlis morbis libri iii</t>
  </si>
  <si>
    <t>MDXCI</t>
  </si>
  <si>
    <t>G. Ferrarium (apud)</t>
  </si>
  <si>
    <t>Dimensions: 22 cm, Bibliographical Note: MS. notes., Class Number: 616-083, priref: 32852</t>
  </si>
  <si>
    <t>41.89193,12.51133</t>
  </si>
  <si>
    <t>Bartholomaeus Vicarius</t>
  </si>
  <si>
    <t>... Tabulae long. ac lat. stellarum fixarum ... Ex tribus ... MSS Persicis ... latio donavit &amp; commentariis illustravit T.Hyde. In calce libri accesserunt Mohammedis Tizini tabulae ...</t>
  </si>
  <si>
    <t>MDCLXV</t>
  </si>
  <si>
    <t>sumpt. authoris</t>
  </si>
  <si>
    <t>Dimensions: 16 cm, Bibliographical Note: Wing S6339., Class Number: 616, priref: 32097</t>
  </si>
  <si>
    <t>Mirza Ulugh Beg Ibn Shahrukh, Thomas Hyde</t>
  </si>
  <si>
    <t>Vipera pythia</t>
  </si>
  <si>
    <t>Frambotti, Paolo, fl. 1625-1664</t>
  </si>
  <si>
    <t>Dimensions: 20 cm, Bibliographical Note: MS. notes.; Bound with Mashallah. De elementis et orbibus coelestium. 1549., Class Number: 52, priref: 28578</t>
  </si>
  <si>
    <t>Marci Avrelii Severini</t>
  </si>
  <si>
    <t>Operis mineralisâ€¦ Inventa &amp; publicata in gratiam studiosorum artis chymicae</t>
  </si>
  <si>
    <t>Prostant apud Joannem Janssonium</t>
  </si>
  <si>
    <t>Statement of Responsibility: cum notis J.F. Gronovii, Dimensions: 21 cm, Binding: Binding: PU, Class Number: 871, priref: 11921</t>
  </si>
  <si>
    <t>Johann Rudolf Glauber</t>
  </si>
  <si>
    <t>Alphabetical List of the Caledonian Horticultural Society, from the Commencement, 5th December 1809, till the 1st of December 1820</t>
  </si>
  <si>
    <t>[Caledonian Horticultural Society]</t>
  </si>
  <si>
    <t>Statement of Responsibility: by H. I. B, Dimensions: 21 cm, General Note: 'The following remarks were originally published in the Boston Medical and Surgical Journal' - preface., Collection: UK Medical Heritage Library, Websites: &lt;a href=http://wellcomelibrary.org/player/b28518962""&gt;View online via the Wellcome Library&lt;/a&gt;; &lt;a href=""https://archive.org/details/rcplondon?&amp;and=b28518962""&gt;View online via the Internet Archive&lt;/a&gt;; &lt;a href=""https://ukmhl.historicaltexts.jisc.ac.uk/ukmhl-b28518962""&gt;View online via Jisc Historical Texts&lt;/a&gt;"", priref: 4099</t>
  </si>
  <si>
    <t>A Doctor of the Old School</t>
  </si>
  <si>
    <t>Statement of Responsibility: William Gilbert, Publication Statement: London : Chiswick Press, 1901, Illustrations: illustrations, Dimensions: 30 cm, Binding Method: Hardback, Provenance: Book-plate: Allchin, William Henry (Sir), General Note: Includes a letter of introduction from the Gilbert Club dated 1901, Collection: UK Medical Heritage Library, Other Names: Allchin, Margaret (Donor); Allchin, William Henry, 1846-1912 (Former owner), Class Number: 538, Websites: &lt;a href=http://wellcomelibrary.org/player/b28038009""&gt;View online via the Wellcome Library&lt;/a&gt;; &lt;a href=""https://archive.org/details/rcplondon?&amp;and=b28038009""&gt;View online via the Internet Archive&lt;/a&gt;; &lt;a href=""https://ukmhl.historicaltexts.jisc.ac.uk/ukmhl-b28038009""&gt;View online via Jisc Historical Texts&lt;/a&gt;"", priref: 12252</t>
  </si>
  <si>
    <t>Edward John Gillespie Beardsley</t>
  </si>
  <si>
    <t>Contributions to Legal Medicine: Being Observations on the Medical Jurisprudence of Infanticide, with Especial Reference to a Case in Which There Was Extensive Fracture of the Skull</t>
  </si>
  <si>
    <t>MDCCCLII</t>
  </si>
  <si>
    <t>Sutherland and Knox</t>
  </si>
  <si>
    <t>Statement of Responsibility: by J.A. Easton, M.D., Publication Statement: MDCCCLII, Dimensions: 22 cm, Provenance: Autograph: Easton, John Alexander, General Note: Reprinted 'From the monthly Journal of Medical Science, for June 1852'.; Bound in volume lettered Medico-legal tracts, 9., Bibliographical Note: Bibliographical references., Class Number: 340.6, priref: 9739</t>
  </si>
  <si>
    <t>John Alexander Easton</t>
  </si>
  <si>
    <t>Medicine and Nursing</t>
  </si>
  <si>
    <t>Humphrey Milford</t>
  </si>
  <si>
    <t>Statement of Responsibility: Sir William Osler, Dimensions: 19 cm, Provenance: Autograph: Langdon Down, Stella, Series: Essays on vocation, Class Number: 614.253, priref: 44123</t>
  </si>
  <si>
    <t>Sir William Osler</t>
  </si>
  <si>
    <t>On Some Cirrhoses of the Liver: Being the Lumleian Lectures for the Year 1900 Delivered before the Royal College of Physicians, London</t>
  </si>
  <si>
    <t>Statement of Responsibility: by Walter Butler Cheadle, Corporate Author: Royal College of Physicians of London, Illustrations: illustrations, diagrams, Dimensions: 20 cm, Binding Method: Hardback, Provenance: Donated by Walter Butler Cheadle, Series: Lumleian lectures, Series Number: 1900, General Note: Final leaf of publisher's advertisements, Bibliographical Note: Includes bibliographical references, Genre: Lectures, Other Names: Cheadle, Walter B. (Walter Butler), 1835-1910 (Donor), Class Number: C042, priref: 6342</t>
  </si>
  <si>
    <t>Walter Butler Cheadle</t>
  </si>
  <si>
    <t>Description de tovt le PaÃ¯s-Bas, avtrement dict Las Angles Germanie inferievre, ov Basse-Allemaigne</t>
  </si>
  <si>
    <t>MDLXVIII</t>
  </si>
  <si>
    <t>Silvius, Willem</t>
  </si>
  <si>
    <t>Statement of Responsibility: par Lodovico Guicciardini. Avec diverses cartes geographiques dudit paiÌˆs. Aussi le pourtraict d'aucunes villes principales selon leur vray naturel, pour entendre plus facilement ladicte description. Grandement utile a toutes sortes de gens, ..., Publication Statement: En Anvers : Par Guillaume Silvius, 1568, Illustrations: ill., port, maps, Dimensions: 31 cm, Provenance: Copy 10581: Roberts and Watson note that 'it has no signature except 'Nich:Saunder' at the foot of the title-page. A few Dee notes (pp. 19, 20, 25, 26). Lettered 'Le Pais Bas du Guicciardin' up fore-edge. Bound in contemporary calf'., General Note: Copy 10581: Dorchester No. D125/13, Citation Note: Copy 10581: Roberts and Watson, 64, Collection: John Dee; Dorchester, Genre: Edge titles; Annotations; Calf bindings, Other Names: Dee, John, 1527-1608 (Former owner); Dorchester, Henry Pierrepont, Marquis of, 1606-1680 (Donor); Saunder, Nicholas, 1563-1649 (Former owner), priref: 37770</t>
  </si>
  <si>
    <t>Lodovico Guicciardini</t>
  </si>
  <si>
    <t>The Action and Sounds of the Heart: a Physiological Essay</t>
  </si>
  <si>
    <t>MDCCCLX</t>
  </si>
  <si>
    <t>Statement of Responsibility: apercu historique et traduction francaise par C. Laubry., Illustrations: ill., port., Dimensions: 22 cm, Provenance: Autograph: Laubry, Charles, Bibliographical Note: Bibliog.; Keynes 29a.; This includes a facsimile of, 'De motu cordis', 1628.; Two manuscript letters have been put in one of the copies.; Bedford copy has inside the article : La posterite est a Harvey / Laubry., Citation Note: Evan Bedford library 97, Collection: Evan Bedford, Other Names: Laubry, Charles (Editor), Class Number: 612.13, priref: 14261</t>
  </si>
  <si>
    <t>Observationum medicinalium fasciculus</t>
  </si>
  <si>
    <t>Fletcher &amp; Prince; Cantab. Merrill (apud); Londini (apud)</t>
  </si>
  <si>
    <t>Publication Statement: 1740?, Dimensions: 26 cms, Bibliographical Note: One copy 4to Tr.62(6).; (2 copies)., priref: 24591</t>
  </si>
  <si>
    <t>D.m.i. de lacte</t>
  </si>
  <si>
    <t>Publication Statement: 1698, Dimensions: 23cms., Bibliographical Note: Dissertation. J.F.Wachtel respondent.; Check date, Other Names: Werckmeister, Franz Heinrich (Praeses); Wachtel, Joachem Friedrich (Respondent), priref: 33783</t>
  </si>
  <si>
    <t>Thomas Young</t>
  </si>
  <si>
    <t>The Day of Judgment: a Poetical Essay</t>
  </si>
  <si>
    <t>MDCCLVII</t>
  </si>
  <si>
    <t>THURLBOURN &amp; WOODYER</t>
  </si>
  <si>
    <t>Dimensions: 27 cm, Binding Method: Hardback, Class Number: C08 GLY, priref: 12450</t>
  </si>
  <si>
    <t>Robert Glynn</t>
  </si>
  <si>
    <t>Dominici Marii Nigri Veneti Geographiae commentariorum libri XI : nunc primÃ¹m in lucem magno studio editi, quibus non solum orbis totius habitabilis loca, regiones, prouinciae, urbes, montes, insulae, maria, flumina, &amp; caetera, ut nostra tempora sunt sita &amp; denominata, uerum etiam omnium ferÃ¨ populorum &amp; uariarum gentium mores, leges ac ritus tam sacri quÃ m prophani exactÃ¨ describuntur ita ut uel ipso Strabone utilior nostris temporibus, autor his doctorum quorundam iudicio meritÃ² habeatur. Vna cum Laurentii Coruini Nouoforensis Geographia. Et Strabonis Epitome</t>
  </si>
  <si>
    <t>Petri, Heinrich, 1508-1579</t>
  </si>
  <si>
    <t>Statement of Responsibility: per D. Hieromymum Gemusaeum translata, quam adiecimus ut quo cum marium hunc nostram lector conferat habeat. Adiecto rerum &amp; verborum memorabilium indice locupletissimo, Publication Statement: Basilae : per Henrichum Petri, mense Martio anno M. D. LVII., Dimensions: 33 cm, Binding: Binding: SU; Contemporary blind-stamped stiffened vellum on five raised bands with evidence of clasps., Provenance: Copy 8090: Roberts and Watson note that this copy is Dee's. 'It has no dates on the titlepage but is heavily annotated in parts, notably commentarius VII Asias"". The binding is of contemporary vellum, Series: lettered up the fore-edge'."", Bibliographical Note: Printer's device on title page.; Imprint from colophon.; Copy 8090: Dorchester No. D19/3, Summary: Copy 8090: Roberts and Watson, 111, Preservation Note: Latin, Collection: Scholar, courtier, magician : the lost library of John Dee, Other Names: Edge titles; Annotations; Printers' devices; Vellum bindings; Raised bands; Blind tooled bindings, Class Number: Gemusaeus, Hieronymus, 1505-1543 (Translator); Dee, John, 1527-1608 (Former owner); Dorchester, Henry Pierrepont, Marquis of, 1606-1680 (Donor), Child: 39161</t>
  </si>
  <si>
    <t xml:space="preserve">Dominicus Marius Niger, Laurentius Corvinus, </t>
  </si>
  <si>
    <t>The Teaching of Psychology to Medical Students</t>
  </si>
  <si>
    <t>October, 1918</t>
  </si>
  <si>
    <t>Printed by Green and Son</t>
  </si>
  <si>
    <t>Statement of Responsibility: Humphry Rolleston, Illustrations: illustrations, portraits, Dimensions: 31cm, Binding Method: Paperback, Provenance: Autograph: Author, Bibliographical Note: Bibliography, Class Number: 61:8-1, priref: 200005294</t>
  </si>
  <si>
    <t>Thomas Arthur Ross</t>
  </si>
  <si>
    <t>Dissertatio medica inauguralis de cruditate ventriculi sive fermentatione alimentorum laesa â€¦</t>
  </si>
  <si>
    <t>J. P. Bockenhoffer (literis)</t>
  </si>
  <si>
    <t>Dimensions: 23 cm, priref: 9287</t>
  </si>
  <si>
    <t>Petrus Schwendus Ebelingius</t>
  </si>
  <si>
    <t>Q. m. an cordis motu a dura meninge?</t>
  </si>
  <si>
    <t>Novembris 1726</t>
  </si>
  <si>
    <t>November, 1726</t>
  </si>
  <si>
    <t>Publication Statement: 1726, Dimensions: 25 cms, Bibliographical Note: Dissertation, Other Names: Mery, Francois (Praeses); Fremont, Desidere Claude (Proponent), priref: 22501</t>
  </si>
  <si>
    <t>The Relations of Tuberculosis to General Bodily Conditions and to Other Diseases</t>
  </si>
  <si>
    <t>Statement of Responsibility: by F. Parkes Weber, Dimensions: 22 cm, Series: Mitchell lectures, Series Number: 1921, General Note: Lecture delivered to the Royal College of Physicians on 1 November 1921, Bibliographical Note: Bibliographical references, Genre: Lectures, Class Number: C042, priref: 33835</t>
  </si>
  <si>
    <t>Frederick Parkes Weber</t>
  </si>
  <si>
    <t>The Dispensing of Poisons for Medicines: A False Charge of Murder. Remarks on the Case of the Queen against Dore &amp; Spry</t>
  </si>
  <si>
    <t>Wilson and Ogilvy</t>
  </si>
  <si>
    <t>Statement of Responsibility: by P. F. Curie, Dimensions: 22 cm, General Note: Bound in volume lettered: Medico-legal tracts, 2., Summary: Curie, a homeopathic physician, was tried for prescribing a strict diet to a patient who apparently died of starvation, Collection: UK Medical Heritage Library, Class Number: 340.6, Websites: &lt;a href=http://wellcomelibrary.org/player/b28268246""&gt;View online via the Wellcome Library&lt;/a&gt;; &lt;a href=""https://archive.org/details/rcplondon?&amp;and=b28268246""&gt;View online via the Internet Archive&lt;/a&gt;; &lt;a href=""https://ukmhl.historicaltexts.jisc.ac.uk/ukmhl-b28268246""&gt;View online via Jisc Historical Texts&lt;/a&gt;"", priref: 8039</t>
  </si>
  <si>
    <t>NovÃ¦ hypotheseos de pulmonum motu et respirationis us specimen</t>
  </si>
  <si>
    <t>J. P. (imp.)</t>
  </si>
  <si>
    <t>Dimensions: 16 cm, Bibliographical Note: MS.note on t.-p. 'Rob.Brady, M.D.' does not resemble his signature in Signature Book. Compilers of 1740 and 1755 Catalogues (MS.) attributed authorship to Brady, Class Number: 61, priref: 23868</t>
  </si>
  <si>
    <t>Dun's Library in the Royal College of Physicians of Ireland</t>
  </si>
  <si>
    <t>Royal College of Physicians of Ireland</t>
  </si>
  <si>
    <t>Statement of Responsibility: by Pierre Janet, Corporate Author: Harvard Medical School, Illustrations: ill., Dimensions: 20 cm, Bibliographical Note: Includes bibliographic footnotes and index., Class Number: 616.891.2, priref: 16647</t>
  </si>
  <si>
    <t>Thomas Percy Claude Kirkpatrick</t>
  </si>
  <si>
    <t>Porphyrii De abstinentia ab esu animalium, libri quatuor</t>
  </si>
  <si>
    <t>MDXLVII</t>
  </si>
  <si>
    <t>Griffio, Giovanni</t>
  </si>
  <si>
    <t>Statement of Responsibility: Ioanne Bernardo Feliciano interprete, Publication Statement: Venetiis : Apud Ioan. Gryphium, M D XLVII, Dimensions: 21 cm, Provenance: Copy number 10217: Roberts and Watson note that is has no notes but may be Dee's""."", General Note: Copy number 10217: Dorchester number D132/14, Citation Note: Roberts and Watson, 427, Collection: John Dee; Dorchester, Other Names: Felicianus, Joannes Bernardus, approximately 1490-approximately 1552 (Translator); Dorchester, Henry Pierrepont, Marquis of, 1606-1680 (Donor), priref: 39671</t>
  </si>
  <si>
    <t>Hieronymi Cardani Mediolanensis, ciuisque Bononiensis, philosophi, medici et mathematici clarissimi, Opus nouum de proportionibus numerorum, motuum, ponderum, sonorum, aliarumque rerum mensurandarum, non solum geometrico more stabilitum, sed etiam uarijs experimentis &amp; obseruationibus rerum in natura, solerti demonstratione illustratum, ad multiplices usus accommodatum, &amp; in V libros digestum. Praeterea. Artis magnae, siue de regulis algebraicis, liber unus, abstrusissimus &amp; inexhaustus plane totius arithmeticae thesaurus, ab authore recens multis in locis recognitus &amp; auctus. Item. De aliza regula liber, hoc est, algebraicae logisticae suae, numeros recondita numerandi subtilitate, secundum geometricas quantitates inquirentis, necessaria coronis, nunc demum in lucem edita</t>
  </si>
  <si>
    <t>MDLXX</t>
  </si>
  <si>
    <t>Explanatory Comments upon the Report of the Deputation of the Jennerian Society on the Late Failures of Vaccination at Putney</t>
  </si>
  <si>
    <t>A. Macpherson, Printer</t>
  </si>
  <si>
    <t>Statement of Responsibility: par William Rogers, Publication Statement: Paris : G. BaillieÌ€re, eÌditeur, et chez l'auteur, 1847, Dimensions: 23 cm, Collection: UK Medical Heritage Library, Genre: Dictionaries, Class Number: 616.314(03), Websites: &lt;a href=https://archive.org/details/rcplondon?&amp;and=b24907431""&gt;View online via the Internet Archive&lt;/a&gt;; &lt;a href=""http://wellcomelibrary.org/player/b24907431""&gt;View online via the Wellcome Library&lt;/a&gt;; &lt;a href=""https://ukmhl.historicaltexts.jisc.ac.uk/ukmhl-b24907431""&gt;View online via Jisc Historical Texts&lt;/a&gt;"", priref: 28106</t>
  </si>
  <si>
    <t>Mr. Charles Shillito</t>
  </si>
  <si>
    <t>Catalogvs imperatorvm, regvm ac principvm qvi astrologicam artem amarunt, ornarunt &amp; exercuerunt: quibus additae sunt astrologicae quaedam praedictiones, verae ac mirabiles omnium temporum, desumptae ex Josepho, Suetonio, Tacito, Dione, Xiphilino, Cuspiniano, &amp; aliis, ex quibus certitudo ac veritas harum disciplinarum colligi potest. Adiectvs est praeterea tractatus de annis climactericis, vnÃ  cum variis exemplis illustrium virorum qui annis ijsdem &amp; praesertim anno 49,56. &amp; 63. periere: versus insuper nonnulli de planetis ac signis, mensiumque laboribus; quae omnia tam lectu iucunda, quam scitu necessaria videntur</t>
  </si>
  <si>
    <t>MDLXXX</t>
  </si>
  <si>
    <t>Plantin, Christophe</t>
  </si>
  <si>
    <t>Statement of Responsibility: collecta ab Henrico Rantzovio, ac edita edita aÌ€ Theophilo Silvio, Publication Statement: Antverpiae : Ex officina Christophori Plantini, architypographi Regij, 1580, Dimensions: 17 cm (8vo), Provenance: Copy 7426: Roberts and Watson note that it is 'bound in contemporary vellum, has no markings but is probably Dee's'., General Note: Copy 7426: Dorchester No. D47/6, Citation Note: Copy 7426: Roberts and Watson, 1898, Collection: John Dee; Dorchester, Genre: Vellum bindings, Other Names: Silvius, Theophilus (Editor); Dorchester, Henry Pierrepont, Marquis of, 1606-1680 (Donor), priref: 39881</t>
  </si>
  <si>
    <t>Henrik Rantzau</t>
  </si>
  <si>
    <t>Remarks on Mr. Birch's Serious Reasons for Uniformly Objecting to the Practice of Vaccination</t>
  </si>
  <si>
    <t>Printed for John Murray</t>
  </si>
  <si>
    <t>Dimensions: 22 cms, Bibliographical Note: (2 copies).; One copy Tr.434(10)., priref: 22331</t>
  </si>
  <si>
    <t>James Moore</t>
  </si>
  <si>
    <t>Onuphrii Panuinii Veronensis Fratris Eremitae Augustiniani Reipublicae Romanae commentariorum libri tres: et alia quaedam quorum seriem sequens pagella indicabit</t>
  </si>
  <si>
    <t>Valgrisi, Vincenzo</t>
  </si>
  <si>
    <t>Publication Statement: Venetijs : Ex Officina Erasmiana, apud Vincentium Valgrisium, MDLVIII, Dimensions: 17 cm (8vo), Provenance: Autograph: Saunder, Nicholas; Copy 14550: Roberts and Watson note that 'Nich: Saunder"" has been written over ""Jo. Dee"". There is a note by Dee on the flyleaf and there are others on the text, Series: particularly in Panvinio's section on the Roman army'."", Summary: Copy 14450: Roberts and Watson, 903, Preservation Note: Latin, Genre: Ancient Rome, Other Names: Annotations, Class Number: Dee, John, 1527-1608 (Former owner); Saunder, Nicholas, 1563-1649 (Former owner); Dorchester, Henry Pierrepont, Marquis of, 1606-1680 (Donor), Continues: 937, Child: 25866</t>
  </si>
  <si>
    <t>Onofrio Panvinio, Publius Victor, Sextus Rufus, Rutilius Claudius Namatianus</t>
  </si>
  <si>
    <t>Marci Antonii Nattae Astensis De Deo libri XV</t>
  </si>
  <si>
    <t>MDLX</t>
  </si>
  <si>
    <t>Publication Statement: Venetiis. : Apud Paulum Manutium, M. D. LX., Dimensions: 29 cm, Provenance: Copy 10454: Roberts and Watson note that this copy 'has no notes by Dee but may be his'., General Note: Copy 10454: Dorchester No. D142/14, Citation Note: Copy 10454: Roberts and Watson, 1783, Collection: John Dee; Dorchester, Other Names: Dorchester, Henry Pierrepont, Marquis of, 1606-1680 (Donor), priref: 39099</t>
  </si>
  <si>
    <t>Marcus Antonius Natta</t>
  </si>
  <si>
    <t>Ãœber die Gewinnung normalen menschlichen Magensaftes [und dessen Verdauungskraft]</t>
  </si>
  <si>
    <t>Statement of Responsibility: Wilhelm Oliver Leube, Dimensions: 23 cm, Class Number: 612.321, priref: 200003452</t>
  </si>
  <si>
    <t>Wilhelm Olivier Leube</t>
  </si>
  <si>
    <t>Lumleian Lectures on Cerebro-Spinal Fever: Delivered before the Royal College of Physicians of London on April 38, and 10,1919</t>
  </si>
  <si>
    <t>[Lancet Office]</t>
  </si>
  <si>
    <t>Statement of Responsibility: by Sir Humphry Rolleston, Dimensions: 22 cm, Binding Method: Hardback, Provenance: Autograph: Author 4325, Series: Lumleian lectures, Series Number: 1919, General Note: Reprinted from Lancet (1919), volume 1, pages 514-549, 593-604, 645-653, Bibliographical Note: Bibliography, Genre: Lectures, Other Names: Rolleston, Humphry Davy, Sir, 1862-1944 (Inscriber), Class Number: C042, priref: 40149</t>
  </si>
  <si>
    <t>Sir Humphry Davy Rolleston</t>
  </si>
  <si>
    <t>The Domestic Management of Cases of Pulmonary Tuberculosis</t>
  </si>
  <si>
    <t>Virol Limited</t>
  </si>
  <si>
    <t>Statement of Responsibility: by A. L. Lockwood and J. A. Nixon, Dimensions: 22 cm, General Note: Bound in book entitled 'Essays Nixon 1' 24622, Class Number: C08</t>
  </si>
  <si>
    <t>Charles White of Manchester (1728-1813), and the Arrest of Puerperal Fever: Being the Lloyd Roberts Lecture, Manchester Royal Infirmary, 1921</t>
  </si>
  <si>
    <t>Liverpool University Press</t>
  </si>
  <si>
    <t>Statement of Responsibility: by J. George Adami, Illustrations: portraits, Dimensions: 22 cm, Binding Method: Hardback, Provenance: Donated by John George Adami, Series: Lloyd Roberts lectures, Series Number: 1921, General Note: Note on title page: with which are reprinted Charles White's published writings upon puerperal fever"", Genre: Biographies; Lectures, Other Names: Adami, J. George (John George), 1862-1926 (Donor), Class Number: C042, priref: 1462</t>
  </si>
  <si>
    <t>53.4083714,-2.9915726, 51.5073509,-0.1277583</t>
  </si>
  <si>
    <t>J. George Adami</t>
  </si>
  <si>
    <t>Angina Pectoris</t>
  </si>
  <si>
    <t>March 12 and 26, and April 9, 1910</t>
  </si>
  <si>
    <t>March 12-April 9, 1910</t>
  </si>
  <si>
    <t>Dimensions: 22 cms, Bibliographical Note: Lumleian Lectures, 1910.; London, 1910.; Lancet, 12, 26 Mar., 9 Apr. 1910., Class Number: C042, priref: 200004353</t>
  </si>
  <si>
    <t>Opera nvova intitolata dificio de ricette, nella quale si contengono tre utilissimi ricettari</t>
  </si>
  <si>
    <t>MDXXIX</t>
  </si>
  <si>
    <t>G. et fratelli da Sabbio (per)</t>
  </si>
  <si>
    <t>Illustrations: ill., Dimensions: 21 cm, Bibliographical Note: MS. notes., Class Number: 61, priref: 24239</t>
  </si>
  <si>
    <t>Proceedings of the Annual General Meeting [Of Birmingham General Hospital]</t>
  </si>
  <si>
    <t>SEPTEMBER 20, 1844</t>
  </si>
  <si>
    <t>September 20, 1844</t>
  </si>
  <si>
    <t>J. H. Beilby, J. Lyon, H. C. Langbridge; and Simpkin, Marsall, &amp; Co.</t>
  </si>
  <si>
    <t>Statement of Responsibility: Translated and edited by Drewry Ottley, Corporate Author: AcadeÌmie Royale de Chirurgie (France) ; Sydenham Society, Publication Statement: Printed for the Sydenham Society, Dimensions: 23 cm, General Note: Printer's statement on verso t.p.: C. and J. Adlard, Bibliographical Note: printers, Citation Note: Bartholomew Close.""; Translated from the French."", Continued by: 617.51, Parent: 1871</t>
  </si>
  <si>
    <t>J. Goodwin</t>
  </si>
  <si>
    <t>MichaÃ«lis Aitsingeri Austriaci Pentaplus regnorum mundi</t>
  </si>
  <si>
    <t>MDLXXIX</t>
  </si>
  <si>
    <t>Plantini, Christophori</t>
  </si>
  <si>
    <t>Publication Statement: Antuerpiae : Ex officina Christophori Plantini, Architypographi Regij, M.D.LXXIX, Illustrations: ill., Dimensions: 19 cm (4to), Provenance: Copy number 9922: Roberts and Watson note is probably Dee's, Series: but has no markings""."", Bibliographical Note: Copy number 9922: Dorchester number D141/7, Summary: Copy number 9922: Roberts and Watson, 1942, Preservation Note: Latin, Class Number: Dorchester, Henry Pierrepont, Marquis of, 1606-1680 (Donor), Child: 36744</t>
  </si>
  <si>
    <t>Michael Eytzinger</t>
  </si>
  <si>
    <t>The Quack Doctors: A Satire in Hudibrastic Stile</t>
  </si>
  <si>
    <t>MDCCLXII</t>
  </si>
  <si>
    <t>C. Moran</t>
  </si>
  <si>
    <t>Dimensions: 23 cms, priref: 25230</t>
  </si>
  <si>
    <t>Adriani Turnebi de vino ac ejus usu et abusu libellus</t>
  </si>
  <si>
    <t>apud Petrum van der Aa</t>
  </si>
  <si>
    <t>Statement of Responsibility: A. TurnÃ¨be, Dimensions: 40 cm, Provenance: Former owner: Sloane, Sir Hans, Bibliographical Note: Floriated initials; Copy note: Annotated on tp of first tract in volume: 'Tractatus hi ex Gronovii thesauro excerpti sunt' = These tracts are extracted from Gronovius's Thesaurus; Copy provenance: marks of Hans Sloane's collection on tp of first tract in volume, Class Number: 61(08), priref: 60429</t>
  </si>
  <si>
    <t>Finnish</t>
  </si>
  <si>
    <t>Adrien TurnÃ¨be, Jacobus Gronovius</t>
  </si>
  <si>
    <t>Caesaris Evoli â€¦ De divinis attribvtis qvae Sephirot ab Hebraeis nvncvpata</t>
  </si>
  <si>
    <t>Ziletti, Francesco</t>
  </si>
  <si>
    <t>Publication Statement: Venetiis : Apud Franciscum Zilettum, 1573, Dimensions: 20 cm, Provenance: Copy number 10219: Roberts and Watson point out a note in Dee's catalogue that reads 'Fr one'. The other copy is probably in the RCP Library, Series: i.e. this copy, Series Number: 10219 but it has no notes""."", Citation Note: Copy number 10219: Dorchester number D132/11, Exhibition Note: Latin, Continues: Dorchester, Henry Pierrepont, Marquis of, 1606-1680 (Donor), Parent: 35255</t>
  </si>
  <si>
    <t>Cesare D'Evoli</t>
  </si>
  <si>
    <t>Astrology in Medicine: The Fitzpatrick Lectures Delivered before the Royal College of Physicians on November 6 and 11,1913; with Addendum on Saints and Signs</t>
  </si>
  <si>
    <t>Statement of Responsibility: by Charles Arthur Mercier, Corporate Author: Royal College of Physicians of London, Illustrations: illustrations, Dimensions: 19 cm, Binding Method: Hardback, Series: FitzPatrick lectures, Series Number: 1913, Genre: Lectures, Class Number: C042, priref: 22289</t>
  </si>
  <si>
    <t>Charles Arthur Mercier</t>
  </si>
  <si>
    <t>Harvey and Galen: The Harveian Oration; Delivered before the Royal College of Physicians, October 19,1896</t>
  </si>
  <si>
    <t>Statement of Responsibility: by Joseph Frank Payne, Dimensions: 22 cm, Binding Method: Hardback, Provenance: Autograph: Payne, Joseph Frank, Series: Harveian oration, Series Number: 1896, General Note: Another copy shelved at Bedford D2/64-d-11, Bibliographical Note: Includes bibliographical references, Citation Note: Evan Bedford library 181, Collection: Evan Bedford; UK Medical Heritage Library, Genre: Lectures; Biographies, Other Names: Payne, Joseph Frank, 1840-1910 (Inscriber), Class Number: C06.091.4, Websites: &lt;a href=https://archive.org/details/rcplondon?&amp;and=b24975850""&gt;View online via the Internet Archive&lt;/a&gt;; &lt;a href=""http://wellcomelibrary.org/player/b24975850""&gt;View online via the Wellcome Library&lt;/a&gt;; &lt;a href=""https://ukmhl.historicaltexts.jisc.ac.uk/ukmhl-b24975850""&gt;View online via Jisc Historical Texts&lt;/a&gt;"", priref: 24425</t>
  </si>
  <si>
    <t>Joseph Frank Payne</t>
  </si>
  <si>
    <t>Observations Concerning the Body of His Late Majesty: October 26,1760</t>
  </si>
  <si>
    <t>NOVEMBER 1762</t>
  </si>
  <si>
    <t>November, 1762</t>
  </si>
  <si>
    <t>Printed by D. Henry</t>
  </si>
  <si>
    <t>Statement of Responsibility: by Frank Nicholls, Publication Statement: Printed by D. Henry, at St John's Gate, Illustrations: colour woodcut illustration, Dimensions: 22 cm, General Note: 'In a letter to the Rt Hon. the Earl of Macclesfield, President of the Royal Society', Class Number: 61:92 GEO, priref: 24075</t>
  </si>
  <si>
    <t>Frank Nicholls</t>
  </si>
  <si>
    <t>On the Unity of the Churches a Sermon Delivered in the Church of St. Edward the King, Cambridge, on Advent Sunday, 1922</t>
  </si>
  <si>
    <t>MCMXXIII</t>
  </si>
  <si>
    <t>W. Heffer &amp; Sons</t>
  </si>
  <si>
    <t>Statement of Responsibility: by J. George Adami, Dimensions: 19 cm, Class Number: C08 ADA, priref: 1878</t>
  </si>
  <si>
    <t>John George Adami</t>
  </si>
  <si>
    <t>An Address Read at the Inauguration of the London Hospital New Medical and Surgical College, Mile End, and the Opening of the Seventieth Academic Session of the London Hospital, October 2,1854</t>
  </si>
  <si>
    <t>Statement of Responsibility: by John Zachariah Laurence., Publication Statement: MDCCCLVIII, Illustrations: ill., Dimensions: 23 cm, General Note: Previous edition: 1855.; The Liston Prize Essay for 1854., Bibliographical Note: Bibliography., Class Number: 616-006.46, priref: 18949</t>
  </si>
  <si>
    <t>William John Little</t>
  </si>
  <si>
    <t>The Annual Address Delivered to the Royal College of Physicians on March 17th, 1913</t>
  </si>
  <si>
    <t>March 17th, 1913</t>
  </si>
  <si>
    <t>John Bale &amp; Sons</t>
  </si>
  <si>
    <t>Corporate Author: Royal College of Physicians of London, Publication Statement: 1911-5, Dimensions: 21 cm, Series: Royal College of Physicians of London. Presidential addresses, Series Number: 1911; 1912; 1913; 1914; 1915, General Note: 1911 address includes an obituary of J.F. Payne, p. 24-30.; Sir Thomas Barlow was President of the Royal College of Physicians from 1910-1914., Collection: UK Medical Heritage Library, Class Number: C91, Websites: &lt;a href=https://archive.org/details/rcplondon?&amp;and=b24976738""&gt;View online via the Internet Archive&lt;/a&gt;; &lt;a href=""http://wellcomelibrary.org/player/b24976738""&gt;View online via the Wellcome Library&lt;/a&gt;; &lt;a href=""https://ukmhl.historicaltexts.jisc.ac.uk/ukmhl-b24976738""&gt;View online via Jisc Historical Texts&lt;/a&gt;"", priref: 42813</t>
  </si>
  <si>
    <t>Sir Thomas Barlow</t>
  </si>
  <si>
    <t>Claudii Galeni Pergameni Commentariolus de pulsibus ad medicinae candidatos</t>
  </si>
  <si>
    <t>Simonis Colinaei (ex off.)</t>
  </si>
  <si>
    <t>Statement of Responsibility: Ioanne Guinterio Andernaco interprete, Illustrations: ill., Dimensions: 23 cm, Binding: Binding, Bibliographical Note: Contemporary MS. notes throughout, Citation Note: Evan Bedford library 3, Collection: Evan Bedford, priref: 12522</t>
  </si>
  <si>
    <t xml:space="preserve">Joannes Guinterius Andernacus, </t>
  </si>
  <si>
    <t>Ode, in Imitation of Horace, Ode III. L. III: Iustum Ac Tenacem Propositi Virum: Addressed to the Right Honorable Sir Robert Walpole</t>
  </si>
  <si>
    <t>W. Owen</t>
  </si>
  <si>
    <t>Statement of Responsibility: par Monsr. B**** Docteur en Droit, Publication Statement: MDCLXXXIX, Dimensions: 15 cm, Other Names: Basnage, Jacques (Contributor), priref: 60159</t>
  </si>
  <si>
    <t>On Forerunners of Harvey in Antiquity (Harveian Oration, 1919)</t>
  </si>
  <si>
    <t>Statement of Responsibility: By Raymond Crawfurd, Dimensions: 20 cm, Binding Method: Hardback, Series: Harveian oration, Series Number: 1919, General Note: Delivered before the Royal College of Physicians of London on St. Luke's day (October 18th), Citation Note: Evan Bedford library 184, Collection: Evan Bedford, Genre: Lectures, Class Number: C06.091.4, priref: 7876</t>
  </si>
  <si>
    <t>Sir Raymond Henry Payne Crawfurd</t>
  </si>
  <si>
    <t>A Short Study of the Career of Paracelsus</t>
  </si>
  <si>
    <t>Statement of Responsibility: by Sir Thomas Oliver, Corporate Author: Royal Institute of Public Health (Great Britain), Dimensions: 19 cm, Class Number: 615.739.15, priref: 23942</t>
  </si>
  <si>
    <t>Richard Cole Newton</t>
  </si>
  <si>
    <t>The Papers Set for the Examinations for the Diploma in Public Health of the Royal College of Physicians of London and the Royal College of Surgeons of England, during the Year 1889</t>
  </si>
  <si>
    <t>Printed and Published By Taylor and Francis</t>
  </si>
  <si>
    <t>Iacobi Peletarij medici &amp; mathematici, Commentarii tres. I. De dimensione circvli. II. De contactv linearvm: &amp; de duabus lineis in eodem plano neque parallelis, neque concurrentibus. III. De constitvtione horoscopi</t>
  </si>
  <si>
    <t>apud Ioannem Oporinvm</t>
  </si>
  <si>
    <t>Statement of Responsibility: mis en langue francoise, et illustre d'anotations par B. de Vigenere., Dimensions: 24 cm, Binding: Binding: SU, Collection: Dorchester, priref: 39213</t>
  </si>
  <si>
    <t>Jacques Peletier</t>
  </si>
  <si>
    <t>D.i. de scorbuto</t>
  </si>
  <si>
    <t>Jul MDCLXXXVII</t>
  </si>
  <si>
    <t>July, 1687</t>
  </si>
  <si>
    <t>G. H. Mulleri (literis)</t>
  </si>
  <si>
    <t>Dimensions: 22cms, Bibliographical Note: Dissertation., Other Names: Le Boe, Frans de, 1614-1672 (Praeses); Ipelaer, Gabriel (Respondent), priref: 31880</t>
  </si>
  <si>
    <t>A Copy of the Appendix and Notes Annexed to the 3rd ed. Of Remarks on the Ophthalmy, Psorophthalmy, and Purulent Eye</t>
  </si>
  <si>
    <t>MDCCXCV</t>
  </si>
  <si>
    <t>Printed for Charles Dilly</t>
  </si>
  <si>
    <t>Dimensions: 26 cm, Collection: UK Medical Heritage Library, Class Number: C34, Websites: &lt;a href=https://archive.org/details/rcplondon?&amp;and=b24976374""&gt;View online via the Internet Archive&lt;/a&gt;; &lt;a href=""http://wellcomelibrary.org/player/b24976374""&gt;View online via the Wellcome Library&lt;/a&gt;; &lt;a href=""https://ukmhl.historicaltexts.jisc.ac.uk/ukmhl-b24976374""&gt;View online via Jisc Historical Texts&lt;/a&gt;"", priref: 32274</t>
  </si>
  <si>
    <t>James Ware</t>
  </si>
  <si>
    <t>Tentamen m. i. de testium tumore gonorrhoeae superveniente</t>
  </si>
  <si>
    <t>MDCCLXXXVIII</t>
  </si>
  <si>
    <t>apud Balfour et Smellie</t>
  </si>
  <si>
    <t>Dimensions: 22cms, Provenance: Association: Bain, Andrew; Autograph: Short, James, Bibliographical Note: Bibliog., priref: 29454</t>
  </si>
  <si>
    <t>James Short</t>
  </si>
  <si>
    <t>A Compleat History of Druggs, Written in French by Monsieur Pomet, Chief Druggist to the Late French King Lewis XIV. To Which Is Added What Is Further Observable on the Same Subject, from Mess. Lemery and Tournefort, Divided into Three Classes, Vegetable, Animal and Mineral; with Their Use in Physick, Chymistry, Pharmacy, and Several Other Arts. Illustrated with above Four Hundred Copper Cutts, Curiously Done from the Life; and an Explanation of Their Different Names, Places of Growth, and Countries from Whence They Are Brought; the Way to Know the True from the False; Their Virtues, &amp;C. A Work of Very Great Use and Curiosity. Done into English from the Originals</t>
  </si>
  <si>
    <t>MDCCXXXVII</t>
  </si>
  <si>
    <t>J. And J. Bonwicke; Wilkin, Richard; Birt, Samuel; Ward, Thomas (Bookseller); Wicksteed, Edward</t>
  </si>
  <si>
    <t>Publication Statement: London : printed for J. and J. Bonwicke, R. Wilkin, S. Birt, T. Ward and E. Wicksteed, MDCCXXXVII, Illustrations: Engraved illustrations, Dimensions: 24 cm (4to), Binding: 56316 20th century half calf over earlier (late 18th or 19th century?) marbled boards, Provenance: 56316 18th or early 19th century inscription on sig A2, 'Wm Harris his Book Nove...', partially lost to mouse damage; 56316 19th century inscription on page 419: 'James Wilcox'; 56316 18th and/or 19th century annotations in several hands in ink and drypoint throughout, especially on the verso of plates; 56316 18th or 19th century numbers, some possible a price or valuation, on title page. Partially lost through damage to the page; 56316 20th century bookserller's description pasted on upper pastedown; 56316 Donated to the RCP on 1 April 2016 by Professor Harold Philip Lambert FRCP, General Note: Title page in red and black; 56316 First 22 pages damaged at foredge and corners by mice.; 56316 Top half of plate 72 missing, Citation Note: ESTC T112243, Genre: Engraved illustrations; Annotations; Herbals; Tail-pieces, Other Names: Lambert, Harold P. (Donor); Harris, William (Former owner); Wilcox, James (Former owner), Class Number: 615, Images: CN 56316, Pomet, Druggs, 1737, sig A2, William Harris cropped.jpg CN 56316, Pomet, Druggs, 1737, p419, James Wilcox cropped.jpg</t>
  </si>
  <si>
    <t>Pierre Pomet, Nicolas LÃ©mery, Joseph Pitton de Tournefort</t>
  </si>
  <si>
    <t>C. Ivlii Hygini, Avgvsti liberti, Fabvlarvm liber â€¦ antehac nunquam excusus. Eivsdem Poeticon astronomicon, libri quatuor. Quibus accesserunt similis argumenti. Palaephati De fabulosis narrationibus, liber I. F. Fvlgentii Placiadis â€¦ Mythologiarum, libri III. Eivsdem, De uocum antiquarum interpretatione, liber I. Arati Phainomenon fragmentum, Germanico CÃ¦sare interprete. Eivsdem PhÃ¦nomena grÃ¦ce, cum interpretatione latina. Procli De sphÃ¦ra libellus, grÃ¦ce &amp; latine. Index rerum &amp; fabularum â€¦</t>
  </si>
  <si>
    <t>MDXXXV</t>
  </si>
  <si>
    <t>Apvd Ioan. Hervagivm</t>
  </si>
  <si>
    <t>Dimensions: 34 cm, Collection: Dorchester, priref: 38095</t>
  </si>
  <si>
    <t>Caius Julius Hyginus, , Fabius Planciades Fvlgentius, Solensis Aratus, , Thomas Linacre</t>
  </si>
  <si>
    <t>Methodus curandorum omnium morborum corporis humani</t>
  </si>
  <si>
    <t>Andreae Wecheli Heredes</t>
  </si>
  <si>
    <t>Statement of Responsibility: authore N. de Blegny. Accessere eiusdem tractatus duo de herniis et circa luem veneream ; trans. a T. Bonet., Illustrations: ill., Dimensions: 21 cm, Other Names: Bonet, ThÃ©ophile, 1620-1689 (Translator), Class Number: 61, priref: 35194</t>
  </si>
  <si>
    <t>Guillaume Rondelet</t>
  </si>
  <si>
    <t>Adenographia curiosa et uteri foeminei anatome nova. cum epistola de inventis novis</t>
  </si>
  <si>
    <t>MDCXCII</t>
  </si>
  <si>
    <t>apud J. Luchtmans</t>
  </si>
  <si>
    <t>Illustrations: ill., Dimensions: 16 cm, Provenance: Book-plate - Manningham; Autograph.- Hardy, A.B, Bibliographical Note: MS. notes in one copy., Class Number: 61, priref: 23876</t>
  </si>
  <si>
    <t>Antonius Nuck</t>
  </si>
  <si>
    <t>Meat Inspection Problems, with Special Reference to the Developments of Recent Years</t>
  </si>
  <si>
    <t>BailliÃ¨re, Tindall, and Cox</t>
  </si>
  <si>
    <t>Dimensions: 22 cm, Provenance: Autograph: Howarth, William James, Series: Milroy lectures, Series Number: 1917, General Note: The Milroy lectures, for 1917, with an additional introductory chapter and appendices, Genre: Lectures, Class Number: C042, priref: 15998</t>
  </si>
  <si>
    <t>A Second Dissertation on Fever â€¦ of a Regular Tertian Intermittent</t>
  </si>
  <si>
    <t>Joseph Johnson</t>
  </si>
  <si>
    <t>Publication Statement: 1748, Dimensions: 21 cm, Bibliographical Note: Published anonymously., Class Number: 92 MEA, priref: 9204</t>
  </si>
  <si>
    <t>The Charter of the King and Queen's College of Physicians in Ireland</t>
  </si>
  <si>
    <t>H. Bradley</t>
  </si>
  <si>
    <t>Corporate Author: Royal College of Physicians of Ireland, Publication Statement: printed for Hulton Bradley, Dimensions: 21 cm, General Note: The editions of 1770 and 1856 are identical; the edition of 1891 includes the supplemental charters of 1878 and 1890., priref: 28183</t>
  </si>
  <si>
    <t>An Ode to the Country Gentlemen of England</t>
  </si>
  <si>
    <t>R. And J. Dodsley</t>
  </si>
  <si>
    <t>Dimensions: 26 cm, Binding Method: Hardback, Class Number: C08, priref: 1890</t>
  </si>
  <si>
    <t>Furni novi philosophici, sive Descriptio artis destillatoriÃ¦ novÃ¦: nec non spirituum, oleorum, florum, aliorumque medicamentorum illius beneficio, facilimÃ¢ quÃ¢dam &amp; peculiari viÃ¢ Ã© vegetabilibus, animalibus &amp; mineralibus, conficiendorum &amp; quidem magno cum lucro; agens quoque de illorum usu tam chymico quÃ m medÃ¬co</t>
  </si>
  <si>
    <t>De aeqvinoctiorvm solsticiorumque inventione â€¦ Eivsdem de ratione Paschalis celebrationis, deque restitutione ecclesiastici kalendari â€¦</t>
  </si>
  <si>
    <t>Divi Jacobi (in vico)</t>
  </si>
  <si>
    <t>Dimensions: 21 cm, Collection: Dorchester, Other Names: Acampo, Simone (the younger) (Editor), priref: 35245</t>
  </si>
  <si>
    <t>Albertus Pighius</t>
  </si>
  <si>
    <t>Death by Electric Currents and by Lightning: the Goulstonian Lectures for 1913 Delivered before the Royal College of Physicians of London</t>
  </si>
  <si>
    <t>British Medical Association</t>
  </si>
  <si>
    <t>Statement of Responsibility: by A.J. Jex-Blake, Corporate Author: Royal College of Physicians of London, Publication Statement: Printed at the office of the British Medical Association, Dimensions: 22 cm, Provenance: Autograph: Jex-Blake, Arthur John, Series: Goulstonian lectures, Series Number: 1913, General Note: Reprinted from the, 'British Medical Journal', 1-22 March 1913, pp.425-30, 492-8, 548-52 and 601-2, Bibliographical Note: Bibliography, Genre: Lectures, Class Number: C042, priref: 16811</t>
  </si>
  <si>
    <t>Arthur John Jex-Blake</t>
  </si>
  <si>
    <t>Presidential Address to the Royal College of Physicians, April 6th, 1903</t>
  </si>
  <si>
    <t>ADLARD AND SON</t>
  </si>
  <si>
    <t>Dr. Maclagan and His Great Work</t>
  </si>
  <si>
    <t>Jan. -June 1904</t>
  </si>
  <si>
    <t>January-June, 1904</t>
  </si>
  <si>
    <t>Statement of Responsibility: W. H. Broadbent, Dimensions: 23 cm, General Note: With extracts from T. Maclagan, 'The treatment of acute rheumatism by salicin', in Lancet, 4th March, 1876, page 342, Class Number: 92 MAC, priref: 200000806</t>
  </si>
  <si>
    <t>William Henry Broadbent</t>
  </si>
  <si>
    <t>Oratio in Theatro Collegii Regalis Medicorum Londinensium ex Harveii instituto, habita die Octobris XVIII, A. D. MDCCCVIII</t>
  </si>
  <si>
    <t>Statement of Responsibility: Ricardo Powell, Publication Statement: Typis G. Woodfall, veneunt apud Longman, Hurst, Rees et Orme, Dimensions: 25 cm, Series: Harveian oration, Series Number: 1808, General Note: 21524-9: No. 12 in a volume lettered 'Orationes Harveianae, 1755-1809'; Appendix no. 1 : 'catalogus eorum qui orationes Harveianas antehac in publicum emiserunt: pages 21-22, Genre: Lectures, Class Number: C06.091.4, priref: 26088</t>
  </si>
  <si>
    <t>Dissertatio medica inauguralis de scorbuto</t>
  </si>
  <si>
    <t>MDCCCX</t>
  </si>
  <si>
    <t>Dimensions: 28 cm, priref: 16761</t>
  </si>
  <si>
    <t>Laurence Lacy</t>
  </si>
  <si>
    <t>The Twenty-Ninth Annual Report of the Chelsea, Brompton and Belgrave Dispensary, 41, Sloane Square, for the Relief of the Sick Poor: For the Delivery of Poor Women, at Their Own Habitations; and to Attend to the Diseases Peculiar to Females and Younger Children. With a List of the Governors and Subscribers</t>
  </si>
  <si>
    <t>Printed for the Committee, by Wilsher and Pite</t>
  </si>
  <si>
    <t>Corporate Author: British Museum, Department of Printed Books, Publication Statement: Printed by order of the Trustees of the British Museum, by G. Woodfall, Dimensions: 45 cm, Genre: Library catalogues, Class Number: 69, priref: 4681</t>
  </si>
  <si>
    <t>Disputatio m. i. de vertigine</t>
  </si>
  <si>
    <t>MDCLXXXVI</t>
  </si>
  <si>
    <t>Statement of Responsibility: Cura &amp; studio Jacobi Douglas, Publication Statement: Lugduni Batavorum apud Gisbertum Langerak, MDCCXXXIV 1734, Dimensions: 22 cm (8vo), Binding: 20th century cloth covered boards; spine title: Bibliog. anatom specimen"""", Provenance: Armorial book-plate inside front board: Royal College of Physicians; Inscription on fly-leaf: S.H. Barker Augst 18th 1830 - J.B. Nelson April 23rd 1831""; Book-stamps on fly-leaf and title-pages: College of Physicians"", General Note: Previous shelfmark: 0.6:611; Includes biographical notices of authors listed; Title vignette signed I.V. Splingen, Genre: Stamps; Autographs; Bibliographies, Other Names: Barker, S.H. (Associated name); Nelson, James B. (Associated name), Class Number: 016:611, priref: 9195</t>
  </si>
  <si>
    <t>Joseph Eaton</t>
  </si>
  <si>
    <t>The Trial of John Thurtell and Joseph Hunt, for the Murder of Mr. William Weare: In Gill's Hill Lane, Herts, before Mr. Justice Park, on Tuesday, the 6th, and Wednesday, the 7th January, 1824; with the Prayer, and the Condemned Sermon, That Was Preached before the Unhappy Culprits: Also, Full Particulars of the Execution</t>
  </si>
  <si>
    <t>Hodgson &amp; Co.</t>
  </si>
  <si>
    <t>Statement of Responsibility: Edidit Guilielmus Alexander Greenhill, Corporate Author: Sydenham Society, Publication Statement: MDCCCXLVI, Illustrations: facsims., Dimensions: 23 cm, Series: Sydenham Society, Series Number: 1846, Bibliographical Note: Bibliography., Class Number: 616(02) '16', priref: 31716</t>
  </si>
  <si>
    <t>Catalogus librorum, instrumentorum, chirurgicarum, rerum curiosarum exotcarumque</t>
  </si>
  <si>
    <t>15 Decembr. 1660</t>
  </si>
  <si>
    <t>Royal College of Physicians of London</t>
  </si>
  <si>
    <t>Statement of Responsibility: cura Christophori Merrett, Dimensions: 26 cm, Bibliographical Note: Photocopy, Genre: Library catalogues, Class Number: C017, priref: 59508</t>
  </si>
  <si>
    <t>Christopher Merret</t>
  </si>
  <si>
    <t>Matth. Beroaldi Chronicvm, scriptvrÃ¦ sacrÃ¦ avtoritate constitvtvm. Habes hoc commentario, lector candide, temporum rationem, in qua explicanda plurimi laborarunt, sic expressam &amp; demonstratam, vt de ea posthac nulla sit mouenda quaestio. Quandoquidem certis &amp; indubitatis Scripturae sacrae testimoniis, singula quae hic traduntur, ita sunt confirmata, vt nihil sentire, qui contrÃ  sentiant, videri possint</t>
  </si>
  <si>
    <t>MDLXXV</t>
  </si>
  <si>
    <t>Chuppin, Antoine</t>
  </si>
  <si>
    <t>Publication Statement: Geneva : apud Anton Chuppinum, M. D. LXXV., Illustrations: woodcut illustration (map), Dimensions: 33 cm (fol), Binding: Contemporary vellum binding., Provenance: Copy 10640: Roberts and Watson note that 'it bears only Saunder's name but there are underlinings and notes by Dee, and by Saunder on pp. 31-2 and 43'.; Copy 10640: former shelf-mark on spine and upper flyleaf: 'V-19'., General Note: Printer's device on title page.; Errata on last leaf.; Copy 10640: Dorchester No. D126/6, Citation Note: Copy 10640: Roberts and Watson, 86, Collection: John Dee; Dorchester, Genre: Shelf marks; Annotations; Printers' devices; Errata lists; Vellum bindings; Woodcut illustrations, Other Names: Dee, John, 1527-1608 (Former owner); Dorchester, Henry Pierrepont, Marquis of, 1606-1680 (Donor); Saunder, Nicholas, 1563-1649 (Former owner), priref: 35814</t>
  </si>
  <si>
    <t>Matthieu Beroald</t>
  </si>
  <si>
    <t>Hints on the Management of Lunatic Asylums</t>
  </si>
  <si>
    <t>Printed by D. Chalmers and Co.</t>
  </si>
  <si>
    <t>Statement of Responsibility: by D.C. Campbell., Dimensions: 22 cm, Provenance: Autograph: Campbell, D.C., Bibliographical Note: Bound in volume lettered Medico-legal tracts, 6; No t.p. just half-title page., Class Number: 340.6, priref: 5902</t>
  </si>
  <si>
    <t>D. C. Campbell</t>
  </si>
  <si>
    <t>Neuroses and Psychoses of War</t>
  </si>
  <si>
    <t>Publication Statement: 1918, Dimensions: 22 cm, Provenance: *Autograph: Turner, W.A., Series: Bradshaw lectures Royal College of Physicians, Series Number: 1918, General Note: Reprinted from Lancet (1918), 9 November, pages. 613-617; Check date, Bibliographical Note: Bibliography, Genre: Lectures, Class Number: C042, priref: 32250</t>
  </si>
  <si>
    <t>William Aldren Turner</t>
  </si>
  <si>
    <t>Remarks upon the Different Appearances of the Back, Breast and Ribs, in Persons Affected with Spinal Diseases; and on the Effects of Spinal Distortion on the Sanguineous Circulation</t>
  </si>
  <si>
    <t>Printed by J. And C. Adlard</t>
  </si>
  <si>
    <t>Dimensions: 22 cm, Binding Method: Hardback, General Note: Bound in volume lettered Medico-Legal Tracts, 17; Incomplete number; In July number pagination sequence restarts; No t.p. present, priref: 60596</t>
  </si>
  <si>
    <t>Edward Harrison</t>
  </si>
  <si>
    <t>Ricerche anotomiche sulla corda del timpano e sull' intermediario di Wrisberg</t>
  </si>
  <si>
    <t>Statement of Responsibility: by John Hughes Bennett, Publication Statement: MDCCCLI, Dimensions: 22 cm, General Note: Bound in Medico-legal tracts, 19., Bibliographical Note: Includes bibliographical references., Genre: Lectures, Class Number: 340.6, priref: 2904</t>
  </si>
  <si>
    <t>Gennaro Barbarisi</t>
  </si>
  <si>
    <t>Contextvs vniversae grammatices DespauterianÃ¦ â€¦</t>
  </si>
  <si>
    <t>Estienne, Robert, 1503?-1559</t>
  </si>
  <si>
    <t>Dimensions: 22 cm, priref: 8687</t>
  </si>
  <si>
    <t>Johannes DespauterianÃ¦</t>
  </si>
  <si>
    <t>Isagoge phytoscopica â€¦ ; recensente J. Vagetio</t>
  </si>
  <si>
    <t>Testamenti Jungiani (sumt.)</t>
  </si>
  <si>
    <t>Publication Statement: 1678(?), Dimensions: 21 cm, priref: 17404</t>
  </si>
  <si>
    <t>Joannes Vagetius, Joachim Jung</t>
  </si>
  <si>
    <t>The Introductory Address at the London Hospital School of Medicine, 1852</t>
  </si>
  <si>
    <t>C. And J. Adlard, Printers</t>
  </si>
  <si>
    <t>Statement of Responsibility: by Charles Daubeny, Dimensions: 22 cm, Provenance: Autograph: Daubeny, Charles Giles Bridle., priref: 8316</t>
  </si>
  <si>
    <t>Herbert Davies</t>
  </si>
  <si>
    <t>D. m. i. de suppressione mensium</t>
  </si>
  <si>
    <t>Anno MDCLVI</t>
  </si>
  <si>
    <t>J. Nisii (charactere)</t>
  </si>
  <si>
    <t>Publication Statement: 1656, Dimensions: 20cms., Bibliographical Note: Disputatio. J.S.Engelhaupt respondent, Other Names: Rolfinck, Werner (Praeses); Engelhaupt, Johann Sigismund (Respondent), priref: 28485</t>
  </si>
  <si>
    <t>On Self-Culture, and the Principles to Be Observed in the Study of Medicine: An Introductory Lecture, Delivered at St. Bartholomew's Hospital, on Monday, October 1,1849</t>
  </si>
  <si>
    <t>MDCCCXLIX</t>
  </si>
  <si>
    <t>Statement of Responsibility: by Andrew Duncan, Publication Statement: 1816?, Dimensions: 21 cm, General Note: From the Edinburgh Medical and Surgical Journal, Bibliographical Note: No. 45."" - title page.; Reprinted from the, Citation Note: 'Edinburgh Medical and Surgical Journal', Summary: 1816, Genre: Heart; Inflammation; Dissection, priref: &lt;a href=http://wellcomelibrary.org/player/b28520051""&gt;View online via the Wellcome Library&lt;/a&gt;; &lt;a href=""https://archive.org/details/rcplondon?&amp;and=b28520051""&gt;View online via the Internet Archive&lt;/a&gt;; &lt;a href=""https://ukmhl.historicaltexts.jisc.ac.uk/ukmhl-b28520051""&gt;View online via Jisc Historical Texts&lt;/a&gt;""</t>
  </si>
  <si>
    <t>Frederic John Farre</t>
  </si>
  <si>
    <t>Oratio in Collegii Regalis Medicorum Londinensis aedibus novis habita die VIImo. Kal. Jul. MDCCCXLIV</t>
  </si>
  <si>
    <t>MDCCCXLIV</t>
  </si>
  <si>
    <t>T. Combe</t>
  </si>
  <si>
    <t>Dimensions: 28, 27 cm, Binding Method: Paperback, Series: Harveian oration, Series Number: 1844, General Note: 21570-5: Bound as no. 7 in a volume lettered 'Orationes Harveianae, 1810-45', Genre: Lectures, Class Number: C06.091.4, priref: 24849</t>
  </si>
  <si>
    <t>James Adey Ogle</t>
  </si>
  <si>
    <t>At a Committee Appointed to Prepare Other Statutes in the Room of Those Which Were Proposed to Be Repealed: Present Dr. Nesbitt, Vice-President, Dr. Battie, Dr. Lawrence, Dr. Feake, Dr. Hebberden, Dr. Taylor: It Was Unanimously Agreed That a Draught of Other Statutes, Then Read, Be Forthwith Printed, and Sent to Every Fellow of This College. And That a Printed Copy of These Minutes Be Sent Therewith</t>
  </si>
  <si>
    <t>Wednesday, Aug.1.1750</t>
  </si>
  <si>
    <t>August 1, 1750</t>
  </si>
  <si>
    <t>Corporate Author: Royal College of Physicians of London, Dimensions: 24 cm, General Note: Sig. A wanting in two copies, Class Number: C340.3, priref: 17113</t>
  </si>
  <si>
    <t>Tractatus de venatione, piscatione et aucupio</t>
  </si>
  <si>
    <t>MDXCVIII</t>
  </si>
  <si>
    <t>Gymnich, Johann</t>
  </si>
  <si>
    <t>Statement of Responsibility: Sebastiani Medicis Florentini iurisconsulti celeberimi ..., Publication Statement: Coloniae Agrippinae: apud Ioannem Gymnicum, sub monocerote, anno M. D. XCVIII, Dimensions: 16 cm, Provenance: Signed 'Daniel Dun' at foot of title page; Manuscript maginal annotations throughout, General Note: Item 1 in the volume. Bound with HUgo Grotius, Mare liberum (Leiden, 1609); Printer's device on title page, Collection: Dorchester, Genre: Printers' devices; Marginalia, Other Names: Dun, Daniel, 1544 or 1545-1617 (Former owner); Dorchester, Henry Pierrepont, Marquis of, 1606-1680 (Donor), priref: 38745</t>
  </si>
  <si>
    <t>Sebastianus Medices</t>
  </si>
  <si>
    <t>Memoir on the Treatment of Venereal Diseases without Mercury Employed at the Military Hospital of the Val-De-Grace</t>
  </si>
  <si>
    <t>H. C. Carey &amp; I. Lea (Firm)</t>
  </si>
  <si>
    <t>Statement of Responsibility: translated from the French of H.M.J. Desruelles M.S. &amp;c. &amp;c. to which is added, Observations of the treatment of the venereal disease without mercury by G.J. Guthrie esq., deputy inspector of hospitals, lecturer on surgery, &amp;c. and various documents showing the results of this mode of treatment in Great Britain, France, Germany and America, Publication Statement: Philadelphia : Carey &amp; Lea, 1830, Dimensions: 25 cm, Binding: 20th-century blue paper over green cloth., Provenance: 19th-century annotations in ink on title page, throughout preface, and on lower flyleaf.; Former shelf mark on title page: BASHH 191.; Donated by the British Association for Sexual Health and HIV (BASHH) February 2013., General Note: Editor's preface (pages iii-x) signed 'Isaac Hays'.; With 10 pages (numbered 3-8, 1-4) of publishers' advertisements printed on smaller paper bound at the start.; Spring title: 'Treatment of venereal diseases'., Genre: Publishers' advertisements, Other Names: Hays, Isaac, 1796-1879 (Editor); British Association for Sexual Health and HIV (Donor), Class Number: 616.97</t>
  </si>
  <si>
    <t>Henri Marie Joseph Desruelles, George James Guthrie</t>
  </si>
  <si>
    <t>D. m. de aegra dysenteria laborante</t>
  </si>
  <si>
    <t>Junii MDCLXXXVII</t>
  </si>
  <si>
    <t>June, 1687</t>
  </si>
  <si>
    <t>Publication Statement: Printed for the author in the year MDCCXLVIII, Dimensions: 20 cm, General Note: John Chandler was the author of: Frauds detected, or, Considerations offered to the public : shewing the necessity of some more effectual provision against deceits, differences, and incertainties in drugs, and composition of medicines : occasioned by the late reformation of the London Pharmacopoeia., priref: 1783</t>
  </si>
  <si>
    <t>Hieronymus Matthaeus Bartholomaeus</t>
  </si>
  <si>
    <t>Dissertatio inauguralis medica de angina</t>
  </si>
  <si>
    <t>J. Haken (typis)</t>
  </si>
  <si>
    <t>Dimensions: 21cms, Bibliographical Note: Dissertation. J.Fridelius respondent., Other Names: Schneider, Conrad Victor (Praeses); Fridelius, Joannes (Respondent), priref: 28945</t>
  </si>
  <si>
    <t>Thomae Linacri Britanni de emendata structura Latini sermonic libri sex: cum indice copiosissimo in eosdem</t>
  </si>
  <si>
    <t>M. D. LIX</t>
  </si>
  <si>
    <t>Haeredes Sebastiani Gryphii</t>
  </si>
  <si>
    <t>Statement of Responsibility: Thomae Linacri ex anglico sermone in latinum versa Georgio Buchanano Scoto interprete, Publication Statement: Lugduni : apud haered. Seb. Gryphii, M. D. LIX., Illustrations: illustrations (woodcuts), Dimensions: 18 cm (8vo), General Note: Printer's device on title page: gryphon stood on one leg on a book or block of wood surmounting a winged orb, with motto Virtute duce, Bibliographical Note: comite fortuna"".; Woodcut initials.; 21576-2: bound with De emendata structura Latini sermonis libri sex, Citation Note: 1559."", Class Number: Woodcut illustrations; Printers' devices, Continues: Buchanan, George, 1506-1582 (Translator), Continued by: C08 LIN, Parent: 19374</t>
  </si>
  <si>
    <t>Thomas Linacre</t>
  </si>
  <si>
    <t>[Charters, Byelaws and Register of Members, Jan. 1794 to Dec. 1851]</t>
  </si>
  <si>
    <t>Compton and Ritchie, Printers</t>
  </si>
  <si>
    <t>Statement of Responsibility: by J. Russell Reynolds, Publication Statement: London: Reed and Pardon, Paternoster Row,, Dimensions: 23 cm, General Note: With half-title page.; Final 32 p. with publisher's advertisements., Bibliographical Note: Bibliography pp. 349-354., Class Number: 616.853, priref: 26809</t>
  </si>
  <si>
    <t>Exercitatio medica aegrum paralysi laborantem sistens</t>
  </si>
  <si>
    <t>Aug. Anno M. DC. LXXXII</t>
  </si>
  <si>
    <t>August, 1682</t>
  </si>
  <si>
    <t>Publication Statement: 1699, Dimensions: 23 cms., Bibliographical Note: Dissertation. J.F.Schultze respondent.; Check date, Other Names: Vestus, Justus (Praeses); Schultze, Joachim Friedrich (Respondent), priref: 32829</t>
  </si>
  <si>
    <t>D. m. i. sive apologia pro medicina empirica</t>
  </si>
  <si>
    <t>apud S. et J. Luchtmans</t>
  </si>
  <si>
    <t>Dimensions: 23 cms, priref: 23547</t>
  </si>
  <si>
    <t>Samuel Musgrave</t>
  </si>
  <si>
    <t>On the Annual Fluctuations in the Number of Deaths from Various Diseases, Compared with like Fluctuations in Crime, and in Other Events within and beyond the Control of the Human Will</t>
  </si>
  <si>
    <t>December, 1857</t>
  </si>
  <si>
    <t>Provenance: Autograph: Author, Bibliographical Note: Rep. from J. Stat. Soc., Dec. 1857, priref: 13255</t>
  </si>
  <si>
    <t>William Augustus Guy</t>
  </si>
  <si>
    <t>Oratio anniversaria... ex Harveii instituto habita, 1774 (Harveian Oration, 1774)</t>
  </si>
  <si>
    <t>MDCCXLV</t>
  </si>
  <si>
    <t>apud G. Griffin</t>
  </si>
  <si>
    <t>Dimensions: 27, 25 cm, Series: Harveian oration, Series Number: 1774, General Note: 21524-6: No.7 in a volume lettered, 'Orationes Harveianae, 1755-1809'; 21440-16: No.24 in a volume lettered 'Orationes Harveianae, 1744-74', Class Number: C06.091.4, priref: 16699</t>
  </si>
  <si>
    <t>Sir Richard Jebb</t>
  </si>
  <si>
    <t>Observationes anatomicae de tendinum fabrica in homine et in brutis</t>
  </si>
  <si>
    <t>Instituti Scientiarum (ex typographia)</t>
  </si>
  <si>
    <t>Dimensions: 20 cm, Bibliographical Note: One copy bound with Mead, R. A Short discourse... 5th ed. 1720.; One copy Tr. 114(3)., Class Number: 616.923, priref: 30104</t>
  </si>
  <si>
    <t>Petrus Joannes Tournatoris</t>
  </si>
  <si>
    <t>Copy of letter from John Wodehouse, 1st Earl Kimberley to the under Secretary of state</t>
  </si>
  <si>
    <t>June 17, 1864</t>
  </si>
  <si>
    <t xml:space="preserve">Copy of letter from John Wodehouse, 1st Earl Kimberley to the under Secretary of state </t>
  </si>
  <si>
    <t>Wodehouse</t>
  </si>
  <si>
    <t>An Enemy of the Race: A Lecture [On Alcohol and Temperance]</t>
  </si>
  <si>
    <t>National Temperance Publication Depot</t>
  </si>
  <si>
    <t>Statement of Responsibility: par Felix Roubaud, Publication Statement: Paris : J.-B. BaillieÌ€re, 1876, Dimensions: 22 cm, Bibliographical Note: Bibliog., Collection: UK Medical Heritage Library, Class Number: 616.697, Websites: &lt;a href=https://archive.org/details/rcplondon?&amp;and=b23984090""&gt;View online via the Internet Archive&lt;/a&gt;; &lt;a href=""http://wellcomelibrary.org/player/b23984090""&gt;View online via the Wellcome Library&lt;/a&gt;; &lt;a href=""https://ukmhl.historicaltexts.jisc.ac.uk/ukmhl-b23984090""&gt;View online via Jisc Historical Texts&lt;/a&gt;"", priref: 27825</t>
  </si>
  <si>
    <t>Sir Andrew Clark</t>
  </si>
  <si>
    <t>A Catalogue of the Genuine and Truly Valuable Library of the Very Learned Dr. Joseph Letherland, Fellow of the Royal College of Physicians, Lately Deceased: Which Will Be Sold by Auction by Samuel Baker, in York-Street, Convent Garden, on Thursday, March the 14th 1765, and to Continue the Twenty-One Following Evenings, (Saturdays, Sundays and Good Friday Excepted.) Beginning Each Evening at Six O'clock. N.B. The Books to Be Viewed on Thursday the 7th, and to the Time of Sale</t>
  </si>
  <si>
    <t>March the 14th 1765</t>
  </si>
  <si>
    <t>March 14, 1765</t>
  </si>
  <si>
    <t>R. And J. Dodsley; Robson, James; Walter, J.; Brotherton, James; W. Owen; Fletcher &amp; Prince</t>
  </si>
  <si>
    <t>Statement of Responsibility: trans. from the Latin of the Pharmacopoeia Londinensis, Dimensions: 18 cm, Bibliographical Note: Published for the translator, Class Number: 615.11(42), priref: 18709</t>
  </si>
  <si>
    <t>Samuel Baker</t>
  </si>
  <si>
    <t>Tractatus de podagra et hydrope</t>
  </si>
  <si>
    <t>MDCLXXXIII</t>
  </si>
  <si>
    <t>imp. G. Kettilby</t>
  </si>
  <si>
    <t>Dimensions: 17 cm, Provenance: Autograph: Payne, Joseph Frank, Bibliographical Note: Wing s6312, Class Number: 61, priref: 31779</t>
  </si>
  <si>
    <t>Thomas Sydenham</t>
  </si>
  <si>
    <t>Presidential Address to the Royal College of Physicians.</t>
  </si>
  <si>
    <t>Sir R. Douglas Powell</t>
  </si>
  <si>
    <t>The Dispensary, with a Compleat Key to the Whole</t>
  </si>
  <si>
    <t>[Katotpon], siue, specvlvm artis medicÃ¦ Hippocraticvm: spectandos, dignoscendos cvrandosque exhibens vniuersos, tum vniuersales tum particulares, totius corporis humani morbos, in quo multa visuntur, quÃ¦ Ã  prÃ¦clarissimis quibusque medicis intacta prorsus relicta erant arcana</t>
  </si>
  <si>
    <t>MDCV</t>
  </si>
  <si>
    <t>typis MatthiÃ¦ Beckeri, impensis Lazari Zetzneri</t>
  </si>
  <si>
    <t>Dimensions: 20 cm, Provenance: Autograph: Oslow, Arthur, 1691-1768, Bibliographical Note: Wing 0 471, Class Number: 875-6, priref: 4258</t>
  </si>
  <si>
    <t>50.1109221,8.6821267</t>
  </si>
  <si>
    <t xml:space="preserve">Andrea CÃ¦salpino, </t>
  </si>
  <si>
    <t>[Psykhroloysia]; Or, the History of Cold Bathing, in Two Parts...</t>
  </si>
  <si>
    <t>Printed for William and John Innys</t>
  </si>
  <si>
    <t>Statement of Responsibility: by John Floyer...andE.Baynard, Dimensions: 20 cm, Bibliographical Note: MS note on life of Baynard; First word of title transliterated from Greek., Class Number: 61, priref: 11308</t>
  </si>
  <si>
    <t>Sir John Floyer, Edward Baynard</t>
  </si>
  <si>
    <t>D.m.i. de scorbuti et venereae luis diversis signis et medicinis</t>
  </si>
  <si>
    <t>C. Henckelii (literis)</t>
  </si>
  <si>
    <t>Statement of Responsibility: by E. Brown-Sequard., Dimensions: 24 cm, Provenance: Autograph: Beale, Lionel Smith, General Note: The papers collected in this book have been published in the Medical Examiner, Bibliographical Note: of Philadelphia, Citation Note: from August, Summary: 1852, Preservation Note: 1853.""."", Exhibition Note: Bibliography, Genre: Physiology; Pathology; Nervous System, Holding Note: Beale, Lionel S. (Lionel Smith), 1828-1906 (Inscriber), Attached Documents: 612(04), Numbering Note: 4911</t>
  </si>
  <si>
    <t>0.0,0.0, 0.0,0.0</t>
  </si>
  <si>
    <t>A Catalogue of the Fellows, Candidates, Licentiates and Extra-Licentiates of the Royal College of Physicians of London, 1829-1858</t>
  </si>
  <si>
    <t>PRINTED BY G. WOODFALL</t>
  </si>
  <si>
    <t>Corporate Author: Royal College of Physicians of London, Publication Statement: 1829-60, Dimensions: 22 cm, General Note: Title varies., Class Number: C92.058, Continued by: A list of the fellows, members, extra-licentiates and licentiates of the Royal College of Physicians of London, 1859-1986, priref: 17168</t>
  </si>
  <si>
    <t>An Account of the Life and Writings of Edmund Dickinson, M. D., â€¦ Added [In Latin] a Treatise on the Grecian Games</t>
  </si>
  <si>
    <t>MDCCXXXIX</t>
  </si>
  <si>
    <t>R. Montagu</t>
  </si>
  <si>
    <t>Illustrations: ill., port, Dimensions: 64 cm, Provenance: Autograph: Crowe, Thomas, priref: 3293</t>
  </si>
  <si>
    <t>William Nicolas Blomberg</t>
  </si>
  <si>
    <t>Dell' azione dei veleni</t>
  </si>
  <si>
    <t>Statement of Responsibility: by John Alderson, Dimensions: 21 cm, Provenance: Autograph: Author., General Note: With half-title page., Genre: Essays, priref: 1163</t>
  </si>
  <si>
    <t>De temporvm mvtationibvs, siue de imbribus..., nunc verÃ² per D. Hieronymum Ã  Scalingiis emissus; et liber Japhar de mutatione temporis</t>
  </si>
  <si>
    <t>MDXL</t>
  </si>
  <si>
    <t>apvd J. Kerver</t>
  </si>
  <si>
    <t xml:space="preserve">, Johannes Hieronymus, </t>
  </si>
  <si>
    <t>Pro piorvm recreatione: et in hoc opere contenta. Epistola ante indicem. Index contentorum. Ad lectores. Paradysus Heraclidis. Epistola Clementis. Recognitiones Petri apostoli. Complementum epistole Clementis. Epistola Anacleti</t>
  </si>
  <si>
    <t>Ex Officina Bellouisiana finis: impensis Ioannis Parui bibliopole diligentissimi</t>
  </si>
  <si>
    <t>Statement of Responsibility: Par Ioseph boillot ..., Publication Statement: c. 1592, Illustrations: ill., port., Dimensions: 33 cm, Provenance: Former shelfmark on title-page: y underlined; Former shelfmark book-stamp on spine, red over white: B, General Note: Former shelfmark on title-page: y underlined; Former shelfmark book-stamp on spine, red over white: B, Bibliographical Note: Engraved t.p.; Engravings have different quality (different pressing techniques?); Engraved initials; head and tailpieces., Summary: Other title: Nouveaux pourtraitz et figures de termes pour user en l'architecture, Collection: Dorchester, priref: 35917</t>
  </si>
  <si>
    <t>The Lumleian Lectures on Intrathoracic Aneurysm: Delivered before the Royal College of Physicians of London on March 6,11 and 13,1913</t>
  </si>
  <si>
    <t>March 22 and 29, and April 5,1913</t>
  </si>
  <si>
    <t>March 22-April 5, 1913</t>
  </si>
  <si>
    <t>Statement of Responsibility: by F. de Havilland Hall, Corporate Author: Royal College of Physicians of London, Illustrations: illustrations, tables, Dimensions: 22 cm, Provenance: Autograph: Parkinson, John (Sir), Series: Lumleian lectures, Series Number: 1913, General Note: Reprinted from Lancet, volume 1, March 1913, pages 805-9, 869-75, April 1913, pages 945-50; Another copy shelved at Bedford D2/67-d-30., Bibliographical Note: Bibliography., Citation Note: Copy number 4128: Evan Bedford library 739, Collection: Evan Bedford; UK Medical Heritage Library, Genre: Lectures, Other Names: Parkinson, John (Sir) (Inscriber), Class Number: C042, Websites: &lt;a href=https://archive.org/details/rcplondon?&amp;and=b2497660x""&gt;View online via the Internet Archive&lt;/a&gt;; &lt;a href=""http://wellcomelibrary.org/player/b2497660x""&gt;View online via the Wellcome Library&lt;/a&gt;; &lt;a href=""https://ukmhl.historicaltexts.jisc.ac.uk/ukmhl-b2497660x""&gt;View online via Jisc Historical Texts&lt;/a&gt;"", priref: 37868</t>
  </si>
  <si>
    <t>F. DE Havilland Hall</t>
  </si>
  <si>
    <t>On Paracentesis Thoracis</t>
  </si>
  <si>
    <t>Dimensions: 22 cm, priref: 3474</t>
  </si>
  <si>
    <t>42.3600825,-71.0588801</t>
  </si>
  <si>
    <t>Henry Ingersoll Bowditch</t>
  </si>
  <si>
    <t>The Harveian Oration Delivered at the Royal College of Physicians, June 26,1869</t>
  </si>
  <si>
    <t>Statement of Responsibility: by G. Owen Rees, Dimensions: 20 cm, Binding Method: Hardback, Provenance: *Autograph: Author, Series: Harveian oration, Series Number: 1869, General Note: Another copy : Tr.175(2), Bibliographical Note: Includes bibliographical footnotes, Genre: Lectures, Class Number: C06.091.4, priref: 26277</t>
  </si>
  <si>
    <t>George Owen Rees</t>
  </si>
  <si>
    <t>Letter from Herman Merivale to the Under-Secretary for the Colonies</t>
  </si>
  <si>
    <t>December 7, 1864</t>
  </si>
  <si>
    <t xml:space="preserve">Letter from Herman Merivale to the Under-Secretary for the Colonies </t>
  </si>
  <si>
    <t>Herman Merivale</t>
  </si>
  <si>
    <t>On the Use of Chloroform in Dental Surgery</t>
  </si>
  <si>
    <t>Statement of Responsibility: by George Budd, Corporate Author: King's College, London, Dimensions: 21 cm, Genre: Lectures, priref: 5572</t>
  </si>
  <si>
    <t>John Chitty Clendon</t>
  </si>
  <si>
    <t>De eo, quod vulgo dicitur, 'Wie man isset so arbeitet man auch.'</t>
  </si>
  <si>
    <t>Mulleriano (recusa charactere)</t>
  </si>
  <si>
    <t>Dimensions: 23 cms, Bibliographical Note: Dissertation., Other Names: Slevogt, Johann Hadrian (Praeses); Treiber, Johann Philip (Respondent), priref: 29618</t>
  </si>
  <si>
    <t>Introductory Lecture to the Practice of Physic, 1833, at the Opening of the Eccles-Street School of Medicine and Surgery</t>
  </si>
  <si>
    <t>Printed by Richard Davis Webb</t>
  </si>
  <si>
    <t>Statement of Responsibility: by Alfred Smee, Corporate Author: London Institution, Illustrations: Illustrated, Dimensions: 22 cm, General Note: With half-title page: 'Lecture on electro-biology, or the voltaic mechanism of man; delivered at the London Institution. Reprinted from The Lancet, Bibliographical Note: April, 21st, 1849.', Child: 29677</t>
  </si>
  <si>
    <t>William Stoker</t>
  </si>
  <si>
    <t>â€¦ Sphaericorum libri tres, numquam antehac graece excusi.</t>
  </si>
  <si>
    <t>Dimensions: 16 cm, Collection: Dorchester, priref: 39843</t>
  </si>
  <si>
    <t>The Medical Interest of Casanova's Memoires</t>
  </si>
  <si>
    <t>Statement of Responsibility: by J. D. Rolleston, Dimensions: 26 cm, Binding Method: Paperback, Bibliographical Note: Bibliographical notes, Class Number: 61:92 CAS, priref: 29422</t>
  </si>
  <si>
    <t>John Davy Rolleston</t>
  </si>
  <si>
    <t>Institutionum medicinae, ad Hippocratis, Galeni, aliorumq[ue] ueterum scripta rectÃ¨ intelligenda mirÃ¨ utiles, libri quinq[ue]</t>
  </si>
  <si>
    <t>Queck, Paul; Oporinus, Joannes</t>
  </si>
  <si>
    <t>Statement of Responsibility: Leonharto Fuchsio medico, &amp; AcademiÃ¦ Tubingensis professore publico, autore: nunc postremum ab autore recogniti, castigatioresque, &amp; compluribus in locis auctiores redditi: cum rerum &amp; locorum insignium plenissimo indice, Publication Statement: Basileae : per Paulum Quecum, M.D.LXVI, Dimensions: 18 cm (8vo), Binding: Copy number 13963: 16th century calf binding on four raised bands with sewn headbands decorated with triple fillet border and triple fillet panel with gold-tooled fleur-de-lys at corners and gold-tooled quatrefoil at the centre. Binding repaired, including rebacking the spine in brown calf by C.E. Smart, Catford, May 1949 (label on lower pastedown); Copy number 13964: 16th or 17th century sheepskin binding on four raised bands with double fillet border and sprinkled edges, Provenance: Copy number 13963: remains of fore-edge title partly visible; Copy number 13963: inscription on title page, 'Laurentij Nouelli'; Copy number 13963: inscription on title page, 'W. Lambarde 1572'; Copy number 13963: former shelf marks on upper flyleaf, 'E.7 No. 1', 'A.3.27'; Copy number 13963: book-plate of David Lloyd Roberts on upper pastedown; Copy number 13963: occasional contemporary manuscript annotations and pen trials; Copy number 13964: inscription on title page, 'Maxima et enim morum semper est Patientia Virtus, Petruccij Ubaldini'. (Distichs of Cato, book 1, 38), General Note: Colophon on last page (sig Kk7v): 'Basileae ex officina Ioannis Oporini, Anno Salutis humanÃ¦, M.D.LXVI. Mense Martio'; Signatures: alpha^8, a-z^8, A-Z^8, Aa-Kk^8. Last leaf blank; Sig Kk4 mis-signed as 'Ii4'; Errata on sigs Ff1r-Ff2v; Woodcut initials; Printer's device on title page; A revision, without the treatise on medicaments, of Methodus seu ratio compendiaria cognoscendi veram solidamque medicinam, published in 1550.; Copy number 13963: lacks last leaf; Copy number 13964: last leaf present as a stub, Citation Note: Verzeichnis der im deutschen Sprachbereich erschienenen Drucke des XVI. Jahrhunderts (VD 16), ZV 6282, Collection: David Lloyd Roberts, Genre: Ties; Headbands; Calf bindings; Blind tooled bindings; Gold tooled bindings; Raised bands; Book-plates; Annotations; Sheepskin bindings; Sprinkled edges, Other Names: Nowell, Laurence, 1530-approximately 1570 (Former owner); Lambarde, William, 1536-1601 (Former owner); Roberts, David Lloyd, 1835-1920 (Donor); Smart, C.E. (Binder); Ubaldini, Petruccio, 1524?-1600? (Former owner), Class Number: 61, Images: CN 13963, Institutionum medicinae, 1566, Laurence Nowell and William Lambarde, device pf Paul Queck cropped.jpg CN 13964, Institutionum medicinae, 1566, Petruccio Ubaldini, device of Paul Queck cropped.jpg, priref: 11666</t>
  </si>
  <si>
    <t xml:space="preserve">Leonhart Fuchs, , </t>
  </si>
  <si>
    <t>The Natural History of Oxford-Shire, Being an Essay toward the Natural History of England</t>
  </si>
  <si>
    <t>Printed at the Theater</t>
  </si>
  <si>
    <t>Illustrations: ill., map, Dimensions: 32 cm, Binding: Binding: MacAlpine, Ida; Autograph: Charleton, Walter, Provenance: Binding: MacAlpine, Ida; Autograph: Charleton, Walter, Bibliographical Note: Bibliog.; Wing 2586.; MS notes by W. Charleton., Class Number: 914.257, priref: 25621</t>
  </si>
  <si>
    <t>51.7520209,-1.2577263</t>
  </si>
  <si>
    <t>Letter from Frederic Rogers to Sir Henry Pitman</t>
  </si>
  <si>
    <t xml:space="preserve">Letter from Frederic Rogers to Sir Henry Pitman </t>
  </si>
  <si>
    <t>Frederic Rogers</t>
  </si>
  <si>
    <t>Oratio ex Harveii institutoâ€¦, MDCCCXLVIII (Harveian Oration, 1848)</t>
  </si>
  <si>
    <t>MDCCCXLVIII</t>
  </si>
  <si>
    <t>Prostat Apud Johannem Churchill</t>
  </si>
  <si>
    <t>Dimensions: 28 cm, Binding Method: Paperback, Series: Harveian oration, Series Number: 1848, General Note: 21578-1: No.1 in a volume lettered 'Orationes Harveianae, 1848-63', Genre: Lectures, Class Number: C06.091.4, priref: 14349</t>
  </si>
  <si>
    <t>Francis Hawkins</t>
  </si>
  <si>
    <t>De re medica ad tyrones libri sex</t>
  </si>
  <si>
    <t>MDLXXXVI</t>
  </si>
  <si>
    <t>T. Porralii (in aedibus)</t>
  </si>
  <si>
    <t>Dimensions: 27 cm, Bibliographical Note: Bound with Lopez, A. In omnia opera Galeni annotationes. 1565., Collection: Dorchester, Other Names: Dorchester, Henry Pierrepont, Marquis of, 1606-1680 (Donor), priref: 38512</t>
  </si>
  <si>
    <t>Juan Lopez</t>
  </si>
  <si>
    <t>Some Experiments Concerning Mercury</t>
  </si>
  <si>
    <t>MDCCXXXIV</t>
  </si>
  <si>
    <t>J. Roberts</t>
  </si>
  <si>
    <t>Illustrations: ill., maps, plans, Dimensions: 55 cm, Provenance: Book-plate: Hale, Richard, Bibliographical Note: Published anonymously., priref: 3645</t>
  </si>
  <si>
    <t>J. Herman Boerhaave</t>
  </si>
  <si>
    <t>De Etrvriae regionis: qvae prima in orbe Evropaeo habitata est, originibus, institutis, religione &amp; moribus, &amp; imprimis de avrei saecvli doctrina et uit a praestantissima quae in diuinationis sacrae usu posita est</t>
  </si>
  <si>
    <t>Torrentino, Lorenzo</t>
  </si>
  <si>
    <t>Statement of Responsibility: Guilielmi Postelli commentatio, Publication Statement: Florentiae : Lorenzo Torrentino, MDLI, Dimensions: 22 cm, Binding: Copy 10425: 20th century rebind in quarter calf over board., Provenance: Copy 10425: Roberts and Watson note that 'on the titlepage is Nich Saunder 1587. Londini"". (the last word is in Dee's hand and the rest of the note has been obliterated). It has no notes but the title is written down the fore-edge in Dee's hand'."", General Note: Publisher's name from EDIT16 record.; Title page in woodcut border.; Woodcut initials.; Copy 10425: Dorchester No. D128b/5, Citation Note: Copy 10425: Roberts and Watson, 557; EDIT16 CNCE 34594, Exhibition Note: Scholar, courtier, magician : the lost library of John Dee, Collection: John Dee; Dorchester, Genre: Woodcut illustrations; Edge titles; Autographs, Other Names: Dee, John, 1527-1608 (Former owner); Saunder, Nicholas, 1563-1649 (Former owner); Dorchester, Henry Pierrepont, Marquis of, 1606-1680 (Donor), priref: 39704</t>
  </si>
  <si>
    <t>D.m. de scorbuto</t>
  </si>
  <si>
    <t>MDCLXXI</t>
  </si>
  <si>
    <t>H. Mulleri (typis)</t>
  </si>
  <si>
    <t>Illustrations: ill., Dimensions: 23 cm, priref: 6908</t>
  </si>
  <si>
    <t>Some Further Observations on â€¦ the Proper Period for Amputating in Gun-Shot Wounds</t>
  </si>
  <si>
    <t>Printed for J. Callow</t>
  </si>
  <si>
    <t>Statement of Responsibility: by John Hennen, Publication Statement: 1818, Dimensions: 21 cm, General Note: From the, Bibliographical Note: 'Edinburgh Medico-Surgical Journal', Citation Note: No. 56"" - title page.; Reprinted from the, Summary: volume 14, Preservation Note: pp. 409-65."", Genre: UK Medical Heritage Library, Other Names: Exanthemata; Smallpox; Cowpox; Military Hospitals, Websites: Edinburgh, Child: &lt;a href=http://wellcomelibrary.org/player/b28521304""&gt;View online via the Wellcome Library&lt;/a&gt;; &lt;a href=""https://archive.org/details/rcplondon?&amp;and=b28521304""&gt;View online via the Internet Archive&lt;/a&gt;; &lt;a href=""https://ukmhl.historicaltexts.jisc.ac.uk/ukmhl-b28521304""&gt;View online via Jisc Historical Texts&lt;/a&gt;""</t>
  </si>
  <si>
    <t>Alexander Copland Hutchison</t>
  </si>
  <si>
    <t>The Dublin Medical School and Its Influence upon Medicine in America</t>
  </si>
  <si>
    <t>P. B. Hoeber</t>
  </si>
  <si>
    <t>Statement of Responsibility: David Riseman, Illustrations: portrait, Dimensions: 30 cm, Class Number: 378.4:61(417.71:73), priref: 27103</t>
  </si>
  <si>
    <t>Cenni storico-critici su le donne che si sono rese celebri nell' arte di assistere ai parti</t>
  </si>
  <si>
    <t>Statement of Responsibility: by Alexander Marcet, Publication Statement: printed by Phillips &amp; Fardon, Dimensions: 21 cm, General Note: 'From the new edition of Dr. Saunders's Treatise on mineral waters""'."", Other Names: Saunders, William, 1743-1817, priref: 20942</t>
  </si>
  <si>
    <t>Domenico Meli</t>
  </si>
  <si>
    <t>Oratio anniversaria ex Harveii instituto habita â€¦ MDCCLXVI(Harveian Oration, 1766)</t>
  </si>
  <si>
    <t>excud. J. Hughs</t>
  </si>
  <si>
    <t>Dimensions: 27, 23, 25cm, Series: Harveian oration, Series Number: 1766, General Note: 21440-2: No. 19 in a volume lettered 'Orationes Harveianae, 1744-74'; 21524-3: No. 5 in a volume lettered 'Orationes Harveianae, 1755-1809'; 21533-1: No. 6 in a volume lettered 'Orationes Harveianae, 1752-66', Class Number: C06.091.4, priref: 4290</t>
  </si>
  <si>
    <t>Wilkinson Blanshard</t>
  </si>
  <si>
    <t>Maladies de l'utÃ©rus</t>
  </si>
  <si>
    <t>J. B. BailliÃ¨re</t>
  </si>
  <si>
    <t>Statement of Responsibility: par M. Velpeau, Publication Statement: Paris : chez J.B. BaillieÌ€re libraire, 1854, Dimensions: 23 cm, Class Number: 618.14, priref: 32717</t>
  </si>
  <si>
    <t>Jean Cruveilhier</t>
  </si>
  <si>
    <t>D. m. i. quÃ¦ exhibet venÃ¦sectionis patrocinium, simul indicans eius usum et abusum</t>
  </si>
  <si>
    <t>C. Salfeldii (typis)</t>
  </si>
  <si>
    <t>Dimensions: 21 cm, Bibliographical Note: Bibliography, Other Names: Beni-Barde, Joseph-Marie-Alfred, 1834-1919 (Translator), Class Number: 616.8-009.86, priref: 4916</t>
  </si>
  <si>
    <t>Letters Addressed to the Royal College of Physicians on Their Constitution and Charter</t>
  </si>
  <si>
    <t>PRINTED FOR LONGMAN, REES, ORME, BROWN, AND GREEN</t>
  </si>
  <si>
    <t>Dimensions: 22 cm, Class Number: C34, priref: 10634</t>
  </si>
  <si>
    <t>Sir Arthur Brooke Faulkner</t>
  </si>
  <si>
    <t>Case of Poisoning by Small and Repeated Doses of Acetate of Lead</t>
  </si>
  <si>
    <t>November 15, 1845</t>
  </si>
  <si>
    <t>Statement of Responsibility: par Marc-Antoine Jullien, Dimensions: 21 cm, Provenance: Autograph: Jullien, Marc Antoine., Collection: UK Medical Heritage Library, Websites: &lt;a href=http://wellcomelibrary.org/player/b28406485""&gt;View online via the Wellcome Library&lt;/a&gt;; &lt;a href=""https://archive.org/details/rcplondon?&amp;and=b28406485""&gt;View online via the Internet Archive&lt;/a&gt;; &lt;a href=""https://ukmhl.historicaltexts.jisc.ac.uk/ukmhl-b28406485""&gt;View online via Jisc Historical Texts&lt;/a&gt;"", priref: 17392</t>
  </si>
  <si>
    <t>Henry Letheby</t>
  </si>
  <si>
    <t>Mss of John Tristram, M. D., Circa 1723: [Autobiography with Some Family History]</t>
  </si>
  <si>
    <t>Circa 1723</t>
  </si>
  <si>
    <t>Illustrations: Illus., Dimensions: 35 cms, priref: 30608</t>
  </si>
  <si>
    <t>John Tristram</t>
  </si>
  <si>
    <t>An Account of Dr Quincy's Examination of Dr Woodward's State of Physick and Diseases, in a Letter to the Free Thinker</t>
  </si>
  <si>
    <t>J. Roberts and A. Dodd</t>
  </si>
  <si>
    <t>Publication Statement: 1711, Dimensions: 20 cm, Bibliographical Note: Dissertio, quam submittit N.A., una defendente E.P.F. Wium., priref: 1015</t>
  </si>
  <si>
    <t>Pavli Principis de la Scala et Hvn, Marchionis Veronae &amp;c. Domini Crevtzbvrgi, Miscellaneorvm tomvs secvndvs, sive Catholici epistemonis, contra quondam corruptam ac deprauatam EncyclopÃ¦diam libri XV : Qvibvs vniversi orbis, tam sacrarvm qvam prophanarum disciplinarum, omnisqÂ´[ue] omnium se?tarum &amp; philosophiae do?trina catholicÃ¨ declaratur. CensurÃ¦ ac iudicio multorum Catholicorum &amp; do?tissimorum virorum, Maguntini, Treuirensis, Monasteriensis, Leodiensis, &amp;c. principum: nec non amplissimÃ¦ ciuitatis Coloniensis, &amp;c. exhibiti, &amp; ab eis lecti, inquisiti, recogniti, &amp; ad Apostolicam lineam redu?ti atque approbati. Eiusdem pro Rhomana Ecclesia, aduersus neopistorum vesaniam, oratio: eorundem censura approbata: qua olim primus Dux Prussiae, per annos quadraginta turbulentis erroribus intricatus, se planÃ¨ extricauit: quavÃ© vniuersa Protestantium &amp; Confessionistarum disciplina validissimÃ¨ confutatur &amp; prorsus euertitur. Accessit etiam Theodori Graminaei in Esaiam &amp; prophetiam sex dierum Genesaeos oratio</t>
  </si>
  <si>
    <t>Graminaeus, Theodor, approximately</t>
  </si>
  <si>
    <t>Publication Statement: Coloniae : Ex officina Theodori GraminÃ¦i, M.D.LXXI, Illustrations: illustrations (diagrams), Dimensions: 21 cm, Provenance: Copy number 10209: Roberts and Watson note that this item and volume I (copy number 10157) may be Dee's. The second volume is not uniform with the first. The lettering on the fore-edge looks like his""."", General Note: Copy number 10209: Dorchester number D132/5, Citation Note: Roberts and Watson, 562 and 563, Collection: John Dee; Dorchester, Genre: Edge titles, Other Names: Dee, John, 1527-1608 (Former owner); Dorchester, Henry Pierrepont, Marquis of, 1606-1680 (Donor), priref: 40472</t>
  </si>
  <si>
    <t>Paul Scalichius</t>
  </si>
  <si>
    <t>Hieronymi Cardani medici Mediolanensis, Libelli quinq [ue]. quorum duo priores, iam denuo sunt emendati, duo sequentes iam primum in lucem editi, &amp; quintus magna parte auctus est. I. De suppleme [n] to almanach. II. De restitutione temporu [m] &amp; motuum coelestium. III. De iudicijs genituraru [m]. IIII. De reuolutionibus. V. De exemplis centum geniturarum. Additis insuper tabulis ascensionu [m] rectaru [m] &amp; obliquaru [m] eclipticae &amp; stellaru [m] &amp; radiorum, usq [ue] ad latitudinem octo partium. Eiusdem, antea non edita, aphorismorum astronomicorum segmenta VII. opusculum incomparabile</t>
  </si>
  <si>
    <t>Publication Statement: Norimbergae : apud Iohan. Petreium, 1547, Illustrations: port., Dimensions: 21 cm, Provenance: Copy 7134: Roberts and Watson note that it is one of Dee's two copies. 'His name seems to have been erased from the titlepage but his notes and underlinings occur throughout, including important biographical notes'., General Note: Copy 7134: Dorchester No. D40/2; Errata on last leaf., Citation Note: Copy 7134: Roberts and Watson, 440, Exhibition Note: Scholar, courtier, magician : the lost library of John Dee, Collection: John Dee; Dorchester, Genre: Annotations; Errata lists, Other Names: Dee, John, 1527-1608 (Former owner); Dorchester, Henry Pierrepont, Marquis of, 1606-1680 (Donor), priref: 36183</t>
  </si>
  <si>
    <t>Greek Medicine in Rome: the Fitzpatrick Lectures on the History of Medicine Delivered at the Royal College of Physicians of London in 1909-1910: with Other Historical Essays</t>
  </si>
  <si>
    <t>Statement of Responsibility: by SIr T. Clifford Allbutt, Dimensions: 23 cm, Binding Method: Hardback, Provenance: Book-plate: Rolleston, Humphry Davy, Sir, Series: FitzPatrick lectures; Finlayson Memorial lecture; Linacre lectures, Bibliographical Note: Bibliography, Citation Note: Copy number 3117: Evan Bedford library 1036, Collection: Evan Bedford, Genre: Lectures; Donors' book-plates, Other Names: Rolleston, Humphry Davy, Sir, 1862-1944 (Donor), Class Number: C042, priref: 1559, Child: 35349; 35350</t>
  </si>
  <si>
    <t>Thomas Clifford Allbutt</t>
  </si>
  <si>
    <t>The Englishman's Doctor; or, the School of Salerneâ€¦</t>
  </si>
  <si>
    <t>T. Dewe; Printed by William Stansby</t>
  </si>
  <si>
    <t>Statement of Responsibility: trans. by Sir J.Harrington; whereunto is adjoyned precepts for the preservation of health, by H.Ronsovius., Corporate Author: Scuola medica salernitana, Dimensions: 14 cm, Provenance: Book-plate: Unidentified, Bibliographical Note: S.T.C. 21609.; T.-p. wanting; supplied by facsim. of t.-p. of 1617 ed. MS.notes., Other Names: Harington, John, 1560-1612 (Translator), Class Number: 61, priref: 28305</t>
  </si>
  <si>
    <t>Resp. QuÃ¦stio medica, L. C. Bourdelin PrÃ¦s. An opium hystericis?</t>
  </si>
  <si>
    <t>Novembris 1725</t>
  </si>
  <si>
    <t>November, 1725</t>
  </si>
  <si>
    <t>P. N. Lottin (typis)</t>
  </si>
  <si>
    <t>Publication Statement: 1646(?), Illustrations: ill., maps, Dimensions: 51 cm, Provenance: Book-plate: Redern, Graf von, Bibliographical Note: Very imperfect. The title-page, and all of the plates, along with the text on the back of them, are missing., Genre: Atlases (Geographic), Class Number: 942, priref: 3646</t>
  </si>
  <si>
    <t>The Papers Set for the Examinations for the Diploma in Public Health of the Royal College of Physicians of London and the Royal College of Surgeons of England, from March 1887 to December 1888</t>
  </si>
  <si>
    <t>March 1887 to December 1888</t>
  </si>
  <si>
    <t>March, 1887-1888</t>
  </si>
  <si>
    <t>A Letter to Dr. Richard Huck, on the Construction and Method of Using Vapor Baths</t>
  </si>
  <si>
    <t>Oct 29,1768</t>
  </si>
  <si>
    <t>October 29, 1768</t>
  </si>
  <si>
    <t>Publication Statement: Printed for J. Jackson; T. Cadell, in the Strand, London; and W. Creech, Edinburgh, Dimensions: 20 cm, priref: 8294</t>
  </si>
  <si>
    <t>Thomas Denman</t>
  </si>
  <si>
    <t>Abstract of the Proceedings of the Obstetric Society of Edinburgh, for 1848-1849, Session VIII</t>
  </si>
  <si>
    <t>MDCCCL</t>
  </si>
  <si>
    <t>Publication Statement: M.DCCC.XLVII, Illustrations: ill., charts, Dimensions: 23 cm, priref: 22519</t>
  </si>
  <si>
    <t>Oratio in Collegii Regalis Medicorum Londinensis Ã¦dibus novis habita die dedicationis, Junii 25, MDCCCXXV</t>
  </si>
  <si>
    <t>MDCCCXXV</t>
  </si>
  <si>
    <t>Payne and Foss</t>
  </si>
  <si>
    <t>Statement of Responsibility: ab Henrico Halford, Publication Statement: Ex officina Johannis Nichols et filli, 25 Parliament street ; prostant apud Payne et Foss, Pall Mall, Dimensions: 27 cm, Binding Method: Hardback, Series: Harveian oration, Series Number: 1825, General Note: 21570-7: no. 2 in a volume lettered : Orationes Harveianae, 1810-45, Genre: Lectures, Class Number: C06.091.4, priref: 37866</t>
  </si>
  <si>
    <t>Henry Halford</t>
  </si>
  <si>
    <t>Introdvctio geographica Petri Apiani in doctissimas Verneri annotationes: co [n] tinens plenum intellectum &amp; iudicium omnis operationis, quÃ¦ per sinus &amp; chordas in geographia confici potest, adiuncto radio astronomico cum quadrante nouo meteoroscopii loco longe vtilissimo. Hvic accedit translatio noua primi libri GeographiÃ¦ Cl. PtolemÃ¦i, translationi adiuncta sunt argumenta &amp; paraphrases singulo [rum] capitum: libellus quoq [ue] de quatuor terrarum orbis in plano figurationib [us]</t>
  </si>
  <si>
    <t>MDXXXIII</t>
  </si>
  <si>
    <t>Apiani, Petri</t>
  </si>
  <si>
    <t>Statement of Responsibility: authore Vernero. Locus etiam pulcherrimus desumptus ex fine septimi libri eiusdem Geographiae Claudii Ptolemaei de plana terrarum orbis descriptione iam olim &amp; a veteribus instituta geographis, vna cum opusculo Amirucii Constantinopolitani de iis, quae geographiae debent adesse. Adiuncta est &amp; epistola Ioannis de Regio Monte ad reuerendissimum patrem &amp; Dominum D. Bessarionem Cardinalem Nicenum, atque Patriarcham Constantinopolitanum, de compositione &amp; vsu cuiusdam meteoroscopii armillaris, cui recens iam opera Petri Apiani accessit torquetum instrumentum pulcherrimum sane &amp; vtilissimum., Publication Statement: Ingolstadii : Peter Apian An. M.D.XXXIII, Illustrations: woodcut illustrations, Dimensions: 31 cm (fol.), Provenance: MS. note on l6 verso; Copy number 8078-2: Roberts and Watson note is probably Dee's copy; the contents-list on the last leaf seems to be in his youthful hand""."", General Note: Errata list on final leaf.; Some woodcut initials, some spaces left with guide letters for initials; Contains a reissue of gatherings b-k of the Werner edition of Ptolemy: In hoc opere haec continentur ... geographiae ... Nuremberg, 1514; Woodcut armorial vignette on t.p. verso; T.p. printed in red and black. Woodcut ill. on t.p; Copy numbers 8078-2, 8078-3: Dorchester number D18/5, Citation Note: Roberts and Watson, 43; Referenced by: Adams A1294., Collection: Dorchester; John Dee, Genre: Woodcut illustrations; Errata lists; Annotations, Other Names: Apian, Peter, 1495-1552 (Editor); Dee, John, 1527-1608 (Former owner); Dorchester, Henry Pierrepont, Marquis of, 1606-1680 (Donor), priref: 35478</t>
  </si>
  <si>
    <t xml:space="preserve">Petri Apiani, Joannes Regiomontanus, </t>
  </si>
  <si>
    <t>A Letter to the President of the Royal College of Physicians on a Work Termed 'a Narrative of Facts', by 'W. Clement', on the 'Election of Medical Officers to the Salop Infirmary'</t>
  </si>
  <si>
    <t>Printed for the Author, by J. Amphlett</t>
  </si>
  <si>
    <t>Statement of Responsibility: by Samuel Collet Homersham, Dimensions: 22 cm, General Note: Bound in Medico-legal tracts, 31., Bibliographical Note: Includes bibliographical references., Collection: UK Medical Heritage Library, Class Number: 340.6, Websites: &lt;a href=http://wellcomelibrary.org/player/b2840631x""&gt;View online via the Wellcome Library&lt;/a&gt;; &lt;a href=""https://archive.org/details/rcplondon?&amp;and=b2840631x""&gt;View online via the Internet Archive&lt;/a&gt;; &lt;a href=""https://ukmhl.historicaltexts.jisc.ac.uk/ukmhl-b2840631x""&gt;View online via Jisc Historical Texts&lt;/a&gt;"", priref: 15736</t>
  </si>
  <si>
    <t>52.80521,-2.11636</t>
  </si>
  <si>
    <t>James Proud Johnson</t>
  </si>
  <si>
    <t>Marsilii ficini â€¦ De triplici uita aurea uolumina tria. Videlicet. Primus de uita sana: seu de cura ulitudinis eorum: qui litterarum studio incumbent. Secundus de uita longa. Tertius de uita celitus comparanda. Item Apologia quedam in qua de medicina: astrologia: uita mundi: subtiliter tractatur. Item de magis: qui Christum stati[m] natu[m] adoraueru[n]t. Item q[uod] ad uita[m] securitas &amp; a[nim]i tra[n]q[ui]litas necessaria sit. Item p[rae]clarissima[rum] s[ente]n[t]ia[rum] toti[us] op[er] is breuis a[n]notatio</t>
  </si>
  <si>
    <t>Arrivabene, Cesare</t>
  </si>
  <si>
    <t>Publication Statement: Impressum autem Venetiis : summa diligentia per Caesarem Arriuabenum Venetum, 1518 die uero ultimo Aprilis, Dimensions: 17 cm (8vo), Provenance: Copy number 11454-4: Contemporary manuscript annotations (mostly manicules and other attention marks) throughout, General Note: Copy number 11454-4: Lacks final leaf, containing colophon; Imprint from colophon (taken from EDIT 16); Includes index; Sigantures: A-O^8; Copy number 11454-4: item 4 in copy number 11454, Citation Note: EDIT 16 CNCE 18936, Genre: Marginalia; Annotations, Class Number: 2, priref: 10566</t>
  </si>
  <si>
    <t>Marsilio Ficino</t>
  </si>
  <si>
    <t>QuÃ¦stiones In libellvm de sphÃ¦ra Ioannis de Sacro Busto, in gratiam studiosÃ¦ iuuentutis olim in Academia Vuitebergensi collectÃ¦: nunc verÃ² denuÃ² reuisÃ¦ emendatÃ¦ et auctÃ¦</t>
  </si>
  <si>
    <t>Braubachij, Petri</t>
  </si>
  <si>
    <t>Statement of Responsibility: per M. Hartmannum Beyer, Publication Statement: Francofordiae : apud haeredes Petri Brubachij, Anno M.D.LXXI, Dimensions: 15 cm, Provenance: Copy 7419: Roberts and Watson note that this and number 1060 (copy number 10627) 'have no marks, but are probably Dee's'., General Note: Printer's device on title page; Copy 7419: Dorchester No. D46/14, Citation Note: Copy 7419: Roberts and Watson, 1059, Collection: John Dee; Dorchester, Genre: Printers' devices, Other Names: Dorchester, Henry Pierrepont, Marquis of, 1606-1680 (Donor), priref: 35844</t>
  </si>
  <si>
    <t>Hartmannum Beyer, Ioannis de Sacro Bosto</t>
  </si>
  <si>
    <t>Religio Medici</t>
  </si>
  <si>
    <t>Crook, Andrew</t>
  </si>
  <si>
    <t>Statement of Responsibility: Gerardus Blasius, Publication Statement: M.DC.LXVI, Illustrations: ill., Dimensions: 14 cm, Bibliographical Note: Signatures: A-CÂ¹Â² DÂ², Class Number: 61, priref: 3756</t>
  </si>
  <si>
    <t>Sir Thomas Browne</t>
  </si>
  <si>
    <t>Exercitationes xii. Accedunt leges xiv, qÃ¦u in libris Digestorvm deerant, grÃ¦cÃ¨ &amp; latinÃ¨, nunc primÃ¹m ex basilicis editÃ¦</t>
  </si>
  <si>
    <t>MDCXXXIX</t>
  </si>
  <si>
    <t>sumpt. M. dv Pvis</t>
  </si>
  <si>
    <t>Dimensions: 36 cm, Collection: Dorchester, priref: 36714</t>
  </si>
  <si>
    <t>Charles Annibal Fabrot</t>
  </si>
  <si>
    <t>Francogallia</t>
  </si>
  <si>
    <t>H. Bettulphi (ex off.)</t>
  </si>
  <si>
    <t>Publication Statement: 1647, Dimensions: 23 cm, Collection: Dorchester, priref: 38080</t>
  </si>
  <si>
    <t>Francois Hotman</t>
  </si>
  <si>
    <t>Oratio ex Harveii instituto habita in Theatro Collegii Regalis medicorum Londinensis, Octob. 19, M. DCC. XCVI</t>
  </si>
  <si>
    <t>MDCCXCVII</t>
  </si>
  <si>
    <t>J. Phillips</t>
  </si>
  <si>
    <t>William Saunders</t>
  </si>
  <si>
    <t>The Medical Examiner and Record of Medical Science: New Series, July 1846</t>
  </si>
  <si>
    <t>Statement of Responsibility: University of London, Publication Statement: Sold by Richard and John E. Taylor, printers to the University of London, Dimensions: 24 cm, Collection: UK Medical Heritage Library, Websites: &lt;a href=http://wellcomelibrary.org/player/b28040302""&gt;View online via the Wellcome Library&lt;/a&gt;; &lt;a href=""https://archive.org/details/rcplondon?&amp;and=b28040302""&gt;View online via the Internet Archive&lt;/a&gt;; &lt;a href=""https://ukmhl.historicaltexts.jisc.ac.uk/ukmhl-b28040302""&gt;View online via Jisc Historical Texts&lt;/a&gt;"", priref: 60461</t>
  </si>
  <si>
    <t>Catalogus librorum varii generis, tam impressorum quam manuscriptorum â€¦</t>
  </si>
  <si>
    <t>November 14, 1707</t>
  </si>
  <si>
    <t>literis W. Jersin</t>
  </si>
  <si>
    <t>Publication Statement: Geo. Stafford for T. Payne, Dimensions: 20 cm, Class Number: 615.711, priref: 4567</t>
  </si>
  <si>
    <t>Joannes Brunsmannus</t>
  </si>
  <si>
    <t>Certaine necessary directions, as well for the cure of the plague,as for preuenting the infection; with many easie medicines of small charge,very profitable to his maiesties subjects</t>
  </si>
  <si>
    <t>22 april,1636</t>
  </si>
  <si>
    <t>April 22, 1636</t>
  </si>
  <si>
    <t>Statement of Responsibility: Set downe by the Colledge of Physicians by the Kings Maiesties speciall command. With sundry orders thought meet by his Maiestie, and his Priuie Councell, to be carefully executed for preuention of the plague. Also certaine select statutes commanded by His Maiestie to be put in execution by all iustices, and other officers of the peace throughout the realme; together with His Maiesties proclamation for further direction therein: and a decree in Starre-Chamber, concerning buildings and in-mates., Corporate Author: Royal College of Physicians of London, Publication Statement: Imprinted at London : By Robert Barker, printer to the Kings most excellent Maiestie: and by the assignes of Iohn Bill, 1636, Illustrations: illustrations (woodcuts), Dimensions: 18 cm (4to), Provenance: Copy number 21778: Bookplate of David Lloyd Roberts, Manchester, 1911, on flyleaf., General Note: The first leaf is blank except for signature-mark A"" within a mortised ornament.; In this edition C1r has catchword ""demeanour"".; Copy number 21778: Lacks leaves A1-4 and leaves S3-4."", Citation Note: ESTC S2216, Other Names: Roberts, David Lloyd, 1835-1920 (Donor), Class Number: C616.923, priref: 45039</t>
  </si>
  <si>
    <t>The Life of Thomas Sydenham</t>
  </si>
  <si>
    <t>C. And J. Adlard</t>
  </si>
  <si>
    <t>Corporate Author: Royal College of Physicians of London, Publication Statement: 1833, Dimensions: 23 cm, Class Number: C92.058, priref: 17161</t>
  </si>
  <si>
    <t>Robert Gordon Latham</t>
  </si>
  <si>
    <t>Annual Ceremony of the Pawnee Medicine Men</t>
  </si>
  <si>
    <t>Field Museum of Natural History</t>
  </si>
  <si>
    <t>Statement of Responsibility: von Robert Koch, Publication Statement: Berlin : Dietrich Reimer (Ernst Vohsen), 1908, Illustrations: ill., Dimensions: 24 cm, Class Number: 616.937, priref: 18308</t>
  </si>
  <si>
    <t>41.8781136,-87.6297982</t>
  </si>
  <si>
    <t>Ralph Linton</t>
  </si>
  <si>
    <t>Projet de rÃ©forme sanitaire presente a M. le Ministre du Commerce â€¦</t>
  </si>
  <si>
    <t>Dimensions: 26 cm, priref: 3508</t>
  </si>
  <si>
    <t>A. F. Bulard</t>
  </si>
  <si>
    <t>Oratio ex Harveii instituto in Ã¦dibus Collegii Regalis Medicorum Londinensis habita die Junii XXVIII. MDCCCLX</t>
  </si>
  <si>
    <t>G. J. Golbourn</t>
  </si>
  <si>
    <t>Statement of Responsibility: a Gulielmo E. Page, Dimensions: 29, 28 cm, Binding Method: Hardback, Series: Harveian oration, Series Number: 1860, General Note: 21578-5: No. 6 in a volume lettered 'Orationes Harveianae, 1848-63', Genre: Lectures, Class Number: C06.091.4, priref: 39287</t>
  </si>
  <si>
    <t>William Emmanuel Page</t>
  </si>
  <si>
    <t>Instrvctions et missives des roys tres-chrestiens de France â€¦ concernants le Concile de Trente â€¦</t>
  </si>
  <si>
    <t>MDCVIII</t>
  </si>
  <si>
    <t>Dimensions: 33 cm, Provenance: Copy no.s 10569; 10570; 10571; 10572: Autograph: Bostok Fuller ?, Bibliographical Note: Index, with separate t.-p., prefixed to tom. 1., Collection: Dorchester, Genre: Autographs, priref: 41074</t>
  </si>
  <si>
    <t>An Historical Account of the Plague and Other Pestilential Distempers... From the Birth of Christ to the Present Timeâ€¦</t>
  </si>
  <si>
    <t>Robinson, Jacob</t>
  </si>
  <si>
    <t>Dimensions: 20 cm, Provenance: Book-plate: Manningham, Richard, priref: 12689</t>
  </si>
  <si>
    <t>R. Goodwin</t>
  </si>
  <si>
    <t>The Dispensary Transvers'd: or the Consult of the Physicians: a Poem in Six Canto's</t>
  </si>
  <si>
    <t>John Nutt</t>
  </si>
  <si>
    <t>Dimensions: 19 cm, Bibliographical Note: This copy was previously owned by C.L. Dana, who attributed the work to Sir S. Garth, cf. his, 'Poetry and the doctors', 1916, p.29., Class Number: C8-1, priref: 9094</t>
  </si>
  <si>
    <t>The Papers Set for the Examinations for the Diploma in Public Health of the Royal College of Physicians of London and the Royal College of Surgeons of England during the Year 1897</t>
  </si>
  <si>
    <t>The Spirit of the Constitution and That of the Church of England, Compared: To Which Are Added by Another Hand, Remarks on Two Letters, Addressed to the Delegates of the Several Congregations of Protestant Dissenters, Who Met at Devizes, September 14,1789</t>
  </si>
  <si>
    <t>MDCCXC</t>
  </si>
  <si>
    <t>Publication Statement: Printed for J. Johnson, No 72 St. Paul's Church-Yard. MDCCXC, Dimensions: 22 cm, Bibliographical Note: Bibliography., Citation Note: ESTC T4881, Collection: UK Medical Heritage Library, Class Number: C08 AIK, Websites: &lt;a href=https://archive.org/details/rcplondon?&amp;and=b24974365""&gt;View online via the Internet Archive&lt;/a&gt;; &lt;a href=""http://wellcomelibrary.org/player/b24974365""&gt;View online via the Wellcome Library&lt;/a&gt;; &lt;a href=""https://ukmhl.historicaltexts.jisc.ac.uk/ukmhl-b24974365""&gt;View online via Jisc Historical Texts&lt;/a&gt;"", priref: 1886</t>
  </si>
  <si>
    <t>Disputatio inauguralis botanica, agens de betonica â€¦</t>
  </si>
  <si>
    <t>MDCCXVI</t>
  </si>
  <si>
    <t>J. H. Groschii (typis)</t>
  </si>
  <si>
    <t>Publication Statement: no date, Dimensions: 22 cm, priref: 9892</t>
  </si>
  <si>
    <t>Sucinta historia de un aneurisma, y ligadura de la arteria iliaca-primitiva : practicada y curada</t>
  </si>
  <si>
    <t>Imprenta de la Caridad</t>
  </si>
  <si>
    <t>Illustrations: ill., Dimensions: 46 cm, Bibliographical Note: Bibliography, Class Number: 618, priref: 10623</t>
  </si>
  <si>
    <t>-34.901112,-56.164532</t>
  </si>
  <si>
    <t>Memoir of Giles Lawrence Roberts</t>
  </si>
  <si>
    <t>Statement of Responsibility: By Samuel Gee., Publication Statement: 1876?, Dimensions: 22 cm, Bibliographical Note: Caption title; 'Reprinted from St. Bartholomew's Hospital Reports, vol. XII' -- head of page., priref: 60820</t>
  </si>
  <si>
    <t>Resp. Dissertatio de experientia fallaci Praes. J. Bohn</t>
  </si>
  <si>
    <t>MDCCX</t>
  </si>
  <si>
    <t>Brandenburgerianis (literis)</t>
  </si>
  <si>
    <t>Dimensions: 14 cm, Provenance: Book-plate: W. Miller, Class Number: C08 BLA, priref: 3673</t>
  </si>
  <si>
    <t>A Treatise Concerning the Malignant Fever in Barbados and the Neighbouring Islands with an Account of the Seasons There, 1734-38</t>
  </si>
  <si>
    <t>F. Gyles</t>
  </si>
  <si>
    <t>Dimensions: 21cms, priref: 31307</t>
  </si>
  <si>
    <t>Henry Warren</t>
  </si>
  <si>
    <t>Consultationes medicae, olim J. Cratonis opera atque studio correctae â€¦</t>
  </si>
  <si>
    <t>MDXXCIII</t>
  </si>
  <si>
    <t>Illustrations: port., Dimensions: 34 cm, Bibliographical Note: MS. notes., Class Number: 61, priref: 39051</t>
  </si>
  <si>
    <t>Joannes Baptista Montanus, Ludovic Demoulin Rochefort</t>
  </si>
  <si>
    <t>The Bradshaw Lecture on Angina Pectoris: Some Points in Prognosis</t>
  </si>
  <si>
    <t>Statement of Responsibility: Morris Fishbein, Illustrations: illustrations, Dimensions: 26 cm, Class Number: 97, priref: 200001935</t>
  </si>
  <si>
    <t>John Hay</t>
  </si>
  <si>
    <t>Oratio Harveiana secunda ex aedibus restauratis Collegii habita Junii XXV, MDCCCXXVII</t>
  </si>
  <si>
    <t>MDCCCXXVIII</t>
  </si>
  <si>
    <t>C. &amp; J. Rivington</t>
  </si>
  <si>
    <t>Statement of Responsibility: a Roberto Bree, Publication Statement: Prostat apud C. et J. Rivington, Dimensions: 27 cm, Binding Method: Hardback, Series: Harveian oration, Series Number: 1827, General Note: 21570-8: No. 4 in a volume lettered 'Orationes Harveianae, 1810-45', Genre: Lectures, Class Number: C06.091.4, priref: 4735</t>
  </si>
  <si>
    <t>Robert Bree</t>
  </si>
  <si>
    <t>On the Functions of the Heart and Arteries</t>
  </si>
  <si>
    <t>Statement of Responsibility: by Currer Bell i.e. Charlotte Bronte., Publication Statement: Printed: Printing office of the publisher Bernhard Tauchnitz., Dimensions: 16 cm, General Note: This edition first printed 1850, this impression not before 1904, dated from Tauchnitz catalogue at end of v.2 (from the Trinity College Dublin).; Currer Bell is a pseudonym of Charlotte BronteÌˆ.; Vol. 2 is missing., priref: 60735</t>
  </si>
  <si>
    <t>The Harveian Oration: Delivered before the Royal College of Physicians of London on October 18th, 1915 [On the Growth of Knowledge of the Brain and Nervous System since the Time of Harvey; Appendix on the Alleged Increase of Insanity]</t>
  </si>
  <si>
    <t>Statement of Responsibility: by Sidney Coupland, Dimensions: 22 cm, Binding Method: Hardback, Provenance: Autograph: Coupland, Sidney, Series: Harveian oration, Series Number: 1915, Bibliographical Note: Includes bibliographical references, Genre: Lectures, Class Number: C06.091.4, priref: 7873</t>
  </si>
  <si>
    <t>Sidney Coupland</t>
  </si>
  <si>
    <t>The History of Medicine in England</t>
  </si>
  <si>
    <t>Hodder and Stoughton</t>
  </si>
  <si>
    <t>Statement of Responsibility: by Norman Moore, Dimensions: 25 cm, Provenance: Item number 13893 Autograph: E.T.G dd N.M, General Note: Can also be found in Moore, Norman, Essays and addresses, volume 3, no. 9, Genre: Autographs, Class Number: 61, priref: 22446</t>
  </si>
  <si>
    <t>Norman Moore</t>
  </si>
  <si>
    <t>D. m. i. de peste</t>
  </si>
  <si>
    <t>MDCCCXIX</t>
  </si>
  <si>
    <t>Corporate Author: Great Britain. Parliament. House of Commons. Select Committee on Medical Registration, Dimensions: 34 cm, Series: HC; House of Commons papers, Series Number: 1847; 620, Bibliographical Note: 'Ordered, by the House of Commons, to be printed, 16 July 1847'; At foot of t.p.: 620, Collection: UK Medical Heritage Library, Class Number: 614.25:34, Websites: &lt;a href=https://archive.org/details/rcplondon?&amp;and=b24906761""&gt;View online via the Internet Archive&lt;/a&gt;; &lt;a href=""http://wellcomelibrary.org/player/b24906761""&gt;View online via the Wellcome Library&lt;/a&gt;; &lt;a href=""https://ukmhl.historicaltexts.jisc.ac.uk/ukmhl-b24906761""&gt;View online via Jisc Historical Texts&lt;/a&gt;"", priref: 19396</t>
  </si>
  <si>
    <t>John Mair</t>
  </si>
  <si>
    <t>De ortu &amp; interitu libri duo, J. Perionio interprete, per N. Grouchium correcti &amp; emendati</t>
  </si>
  <si>
    <t>ex off. G. Buon</t>
  </si>
  <si>
    <t>Dimensions: 23 cm, Bibliographical Note: MS. notes.; Bound with his De natura. 1565., Collection: Dorchester, priref: 35569</t>
  </si>
  <si>
    <t>, Joachim Perionius, Nicolaus Grouchius</t>
  </si>
  <si>
    <t>Di alcuni cambiamenti che subisce l'albumina del sangue per l'azione di certe sostanze medicamentose</t>
  </si>
  <si>
    <t>Illustrations: Port., Bibliographical Note: Extr. from Entertaining mag., vol.3, Nov.1815, pp561-6.; Bound with Poynton, F.J., Juvenile rheumatism, 1936., Class Number: 616-002.77, priref: 1270, Parent: 31161</t>
  </si>
  <si>
    <t>[Antiohpiaka]: An Essay on Mithridatium and Theriaca</t>
  </si>
  <si>
    <t>Dimensions: 21 cm, priref: 14493</t>
  </si>
  <si>
    <t>William Heberden</t>
  </si>
  <si>
    <t>Quaestio medica an medicamentorum incerta quantitas?</t>
  </si>
  <si>
    <t>Publication Statement: 1599, Dimensions: 21cms, Bibliographical Note: Dissertation. F.Ellain respondent, Other Names: Pietre, Simon (Moderator); Ellain, Francois (Respondent), priref: 25051</t>
  </si>
  <si>
    <t>Observations on the Plan Proposed for Establishing a Dispensary &amp; Medical Society for the Private and Only Immediate Use of the Subscribers</t>
  </si>
  <si>
    <t>MDCCLXXIX</t>
  </si>
  <si>
    <t>Printed by Frys, Couchman, and Collier</t>
  </si>
  <si>
    <t>Statement of Responsibility: By the Honourable Robert Boyle, Fellow of the Royal Society, Publication Statement: London : Printed by William Godbid, and are to be sold by Moses Pitt, at the Angel over against the little North Door of St Paul's church, 1674, Dimensions: 18 cm (8vo), Provenance: Donated by Jean Harding, Citation Note: ESTC R36504; Wing (2nd ed.) B4008, priref: 59871</t>
  </si>
  <si>
    <t>John Coakley Lettsom</t>
  </si>
  <si>
    <t>Theses quas gratiosi medicorum ordinis auctoritate atque consensu in Academia Georgia Augusta ad summos in medicina, chirurgia, arteque obstetricia honores: rite obtinendos die xxx. M. septembris A. MDCCCXLVIII</t>
  </si>
  <si>
    <t>E. A. Huth</t>
  </si>
  <si>
    <t>Illustrations: charts, Dimensions: 22 cm, Bibliographical Note: Scarce monographs. Modern series.; Translation prepared for the Brit.Rec.Obstet.Med.Surg. / Robert Knox, Other Names: Knox, Robert, 1791-1862 (Translator), priref: 10921</t>
  </si>
  <si>
    <t>Rudolphus Gieseler</t>
  </si>
  <si>
    <t>Dissertatio de mundo</t>
  </si>
  <si>
    <t>MDCLXXIV</t>
  </si>
  <si>
    <t>J. Reumanni (literis)</t>
  </si>
  <si>
    <t>Illustrations: Illus., Dimensions: 19 cms, Bibliographical Note: Bibliography, priref: 26796</t>
  </si>
  <si>
    <t>Samuel Reyher</t>
  </si>
  <si>
    <t>The Medical Examiner and Record of Medical Science: New Series, No. 2, February 1845</t>
  </si>
  <si>
    <t>Statement of Responsibility: by Charles Gottlob Kuttner and William Nicholson., Publication Statement: 1805-13, Dimensions: 24 cm, Provenance: Autograph: Milroy, Gavin, General Note: Added title page in German., Genre: Dictionaries, Other Names: KuÌˆttner, Carl Gottlob, 1755-1805 (Editor); Nicholson, William (Lexicographer); Milroy, Gavin, 1805-1886 (Inscriber), Class Number: 430, priref: 1662</t>
  </si>
  <si>
    <t>George Tyler Bigelow, George Bemis</t>
  </si>
  <si>
    <t>Aesculapius: A Poem, Humbly Inscribed Toâ€¦ the Royal College of Physicians</t>
  </si>
  <si>
    <t>J. Peele</t>
  </si>
  <si>
    <t>Dimensions: 65 cm, Bibliographical Note: Previous location SL 25b, priref: 1087</t>
  </si>
  <si>
    <t>Tralles Asclepius</t>
  </si>
  <si>
    <t>Canon Paschalis</t>
  </si>
  <si>
    <t>MDXCV</t>
  </si>
  <si>
    <t>Ex officina Plantiniana</t>
  </si>
  <si>
    <t>, Joseph Juste Scaliger, Isaac Arguros</t>
  </si>
  <si>
    <t>The Nomenclature of Diseases: Drawn up by a Joint Committee Appointed by the Royal College of Physicians of London</t>
  </si>
  <si>
    <t>H. M. S. O.</t>
  </si>
  <si>
    <t>Corporate Author: Royal College of Physicians of London, Dimensions: 25 cm, Binding Method: Hardback, Other Names: Guthrie, Leonard George, 1858-1918 (Editor), Class Number: C616, priref: 46562</t>
  </si>
  <si>
    <t>The Medical Examiner and Record of Medical Science: New Series, No. 20, August 1846</t>
  </si>
  <si>
    <t>Dimensions: 22 cm, Bibliographical Note: 2 copies., priref: 9555</t>
  </si>
  <si>
    <t>The Goulstonian Lectures on Theories of Immunity and Their Clinical Application</t>
  </si>
  <si>
    <t>March 17th, 19th, and 24th, 1903</t>
  </si>
  <si>
    <t>Statement of Responsibility: by A.S. Grunbaum, Corporate Author: Royal College of Physicians of London, Publication Statement: 1903, Illustrations: illustrations, Dimensions: 22 cm, Series: Goulstonian lectures, Series Number: 1903, General Note: Delivered at the Royal College of Physicians, Bibliographical Note: London""; Reprinted from the 'Lancet', Citation Note: volume 1, Summary: 1903, Preservation Note: 853-856 and 943-947"", Genre: Immunity, Websites: Lectures, Attached Documents: C042, Numbering Note: 13407</t>
  </si>
  <si>
    <t>Albert Sidney Frankau GrÃ¼nbaum</t>
  </si>
  <si>
    <t>Oratio Harveiana prima in novis Ã¦dibus Collegii habita sext. Kalend. Jul. an. MDCCCXXVI</t>
  </si>
  <si>
    <t>MDCCCXXVII</t>
  </si>
  <si>
    <t>R. H. Evans</t>
  </si>
  <si>
    <t>Pelham Warren</t>
  </si>
  <si>
    <t>Etymologicon linguÃ¦ anglicanÃ¦</t>
  </si>
  <si>
    <t>Apud H. Brome</t>
  </si>
  <si>
    <t>Statement of Responsibility: translated into English from the original Latin and Greek edition, by William Rowley, Publication Statement: Printed for the author and sold at his house, No. 21, Saville Row ... : Printed by J. Barfield, Wardour-street, Illustrations: ill., Dimensions: 28 cm, Provenance: Autograph: Williams, P. Henry., Collection: UK Medical Heritage Library, Class Number: 61(09), Websites: &lt;a href=http://wellcomelibrary.org/player/b2840743x""&gt;View online via the Wellcome Library&lt;/a&gt;; &lt;a href=""https://archive.org/details/rcplondon?&amp;and=b2840743x""&gt;View online via the Internet Archive&lt;/a&gt;; &lt;a href=""https://ukmhl.historicaltexts.jisc.ac.uk/ukmhl-b2840743x""&gt;View online via Jisc Historical Texts&lt;/a&gt;"", priref: 27900</t>
  </si>
  <si>
    <t>Stephano Skinner</t>
  </si>
  <si>
    <t>Reply to an Articleâ€¦ Purporting to Be a Review of Dr. Granville's Treatise on Prussic Acid</t>
  </si>
  <si>
    <t>Printed by G. Hayden</t>
  </si>
  <si>
    <t>Statement of Responsibility: practicada por Don Cayetano Garviso, Dimensions: 19 cm, priref: 11798</t>
  </si>
  <si>
    <t>Augustus Bozzi Granville</t>
  </si>
  <si>
    <t>Christianismi restitvtio: Totius ecclesiÃ¦ apostolicÃ¦ est ad sua limina vocatio, in integrum restituta cognitione Dei, fidei Christi, iustificationis nostrÃ¦, regenerationis baptismi, et cÃ¦nÃ¦ domini manducationis. Restituto denique nobis regno cÃ¦lesti, Babylonis impiÃ¦ captiuitate soluta, et Antichristo cum suis penitus destructo â€¦ M.D.LIII</t>
  </si>
  <si>
    <t>MDLIII</t>
  </si>
  <si>
    <t>Christoph Gottlieb von Murr</t>
  </si>
  <si>
    <t>Publication Statement: Nuremberg? : Rau?, 1790?, Dimensions: 20 cm, Provenance: MS. notes., General Note: Rep. of 1553 ed., Collection: UK Medical Heritage Library, Other Names: Inglis, C. (Associated name); Smith, Nathanial (Associated name), Class Number: 23, Websites: &lt;a href=http://wellcomelibrary.org/player/b28039427""&gt;View online via the Wellcome Library&lt;/a&gt;; &lt;a href=""https://archive.org/details/rcplondon?&amp;and=b28039427""&gt;View online via the Internet Archive&lt;/a&gt;; &lt;a href=""https://ukmhl.historicaltexts.jisc.ac.uk/ukmhl-b28039427""&gt;View online via Jisc Historical Texts&lt;/a&gt;"", priref: 29248</t>
  </si>
  <si>
    <t>Michael Servetus</t>
  </si>
  <si>
    <t>The Streptotrichoses and Tuberculosis</t>
  </si>
  <si>
    <t>James Nisbet</t>
  </si>
  <si>
    <t>Illustrations: illustrations, Dimensions: 22 cm, Series: Milroy lectures, Series Number: 1910, Bibliographical Note: Bibliography, Genre: Lectures, Class Number: C042, priref: 11094</t>
  </si>
  <si>
    <t>Alexander Grant Russell Foulerton</t>
  </si>
  <si>
    <t>Medical Contributions to the Study of Evolution</t>
  </si>
  <si>
    <t>Gerald Duckworth</t>
  </si>
  <si>
    <t>Illustrations: illustrations, Dimensions: 22 cm, Series: Croonian lectures, Series Number: 1917, General Note: Contains his Croonian Lectures for 1917, Adaptation and disease., Bibliographical Note: Bibliography, Genre: Lectures, Class Number: C042, priref: 23860</t>
  </si>
  <si>
    <t>Oratio in theatro Collegii Regalis Medicorum Londinensis: ex Harveii instituto habita festo divi lucae: A. D. MDCCLXXI (Harveian Oration, 1771)</t>
  </si>
  <si>
    <t>Statement of Responsibility: A Johanne Green, Dimensions: 25, 27, 28 cm, Binding Method: Hardback, Series: Harveian oration, Series Number: 1771, General Note: 21440-11: No.23 in a volume lettered 'Orationes Harveianae, 1744-74'; 21521-3: No.6 in a volume lettered 'Orationes Harveianae, 1752-97'; 21531-2: No.5 in a volume lettered 'Orationes Harveianae, 1764-97', Genre: Addresses, Class Number: C06.091.4, priref: 13072</t>
  </si>
  <si>
    <t>John Green</t>
  </si>
  <si>
    <t>D.m.i. de spicilegium pestis exhibens</t>
  </si>
  <si>
    <t>MDCLXXXV Maji XIII</t>
  </si>
  <si>
    <t>March 13, 1685</t>
  </si>
  <si>
    <t>Dimensions: 19 cm, Bibliographical Note: Wing E3452., priref: 10246</t>
  </si>
  <si>
    <t>Testimonials in Favour of George D. Gibbâ€¦: A Candidate for the Appointment of Medical Officer of Health to the United Parishes of St Giles in the Fields and St George, Bloomsbury</t>
  </si>
  <si>
    <t>C. Jaques</t>
  </si>
  <si>
    <t>Publication Statement: London : C. Jaques, printer, 30, Kenton Street, Brunswick Square, 1855, Dimensions: 22 cm, General Note: Item number 25 in volume 'Scientific works of G.D. Gibb Bart.'; 21 testimonials individually dated in October and November 1855; Publication statement from foot of page 8</t>
  </si>
  <si>
    <t>Geroge D Gibb</t>
  </si>
  <si>
    <t>Ein Fall von Vergiftung mit Scheidewasser, in welchem gangranÃ¶se MagenhÃ¤ute durch Erbrechen entleert wurden</t>
  </si>
  <si>
    <t>Akademische Verlagshandlung von J. C. B. Mohr</t>
  </si>
  <si>
    <t>Publication Statement: 1845?, Dimensions: 25 cms, Bibliographical Note: Bibliography; Rep. from Calcutta Rev.; Review of Commentary on the Hindu system of medicine, by T.A.Wise, priref: 22769</t>
  </si>
  <si>
    <t>49.40768,8.69079</t>
  </si>
  <si>
    <t>Dr. Friedrich August Benj Puchelt</t>
  </si>
  <si>
    <t>Russian</t>
  </si>
  <si>
    <t>A Few Remarks on the Mode of Administering Chloroform</t>
  </si>
  <si>
    <t>January, 1855</t>
  </si>
  <si>
    <t>Schulze and Co.</t>
  </si>
  <si>
    <t>Statement of Responsibility: by J. Chitty Clendon, Publication Statement: 1855, Dimensions: 22 cm, General Note: 'The following pages contain a reprint of an article published by me between two or three years ago in the Medical Times and Gazette, of June 12, 1852. To this is subjoined an extract from a clinical lecture by Professor Syme, recently delivered in the University of Edinburgh, and published in the Lancet, of January 20, 1855' - p. 3.; Imprint information from colophon.; Bound in volume lettered Medico-legal tracts, 7., Other Names: Syme, James, 1799-1870, Class Number: 340.6, priref: 6818</t>
  </si>
  <si>
    <t>Altera editio Annotationum in Pandectas</t>
  </si>
  <si>
    <t>M. Vascosanus</t>
  </si>
  <si>
    <t>Dimensions: 15 cm, Collection: Dorchester, priref: 35979</t>
  </si>
  <si>
    <t>Guillaume BudÃ©</t>
  </si>
  <si>
    <t>Aristotelis philosophorum maximi de Secretis secretorum ad Alexandrum opusculum. Eiusdem De Regum regimine. Eiusdem de Sanitatis consueratione eiusdem de Physionomia. Eiusdem de signis Tempestarum. Eiusdem de Mineralibus. Alexandri Aphrodisei clarissimi perepatetici de Intellectu. Auerroys magni commentatoris de Animae Beatitudine. Alexandri Achillini Bononiensis de Vniuersalibus. Alexandri Macedonis in septentrione monarchae de Miralibus Indiae ad Aristotelem</t>
  </si>
  <si>
    <t>per Bernardinum Venetum de Vitalibus</t>
  </si>
  <si>
    <t>Statement of Responsibility: attr. Aristotle, Publication Statement: 1503-1539?, Dimensions: 30 cm., Provenance: Autograph: Unidentified; Book-plate: Roberts, Bibliographical Note: Imprint from colophon; See note in G.W, II, p.578 and Klebs 82.7; Woodcut initials; cardinal's arms (woodcut) on title page; An extremely popular Latin translation of the 10th-cent. Arabic Kitab sirr al-asrar, or Book of the science of government, an encyclopaedic treatise dealing with everything from statecraft to magic, including medicine. The attribution to Aristotle is spurious.; Copy note: MS annotations at beginning and end; provenance: undecipherable ownership inscr: Roberts bookplate, Other Names: Achillini, Alessandro, 1463-1512 (Editor), Class Number: 1 ARIS, priref: 2007</t>
  </si>
  <si>
    <t xml:space="preserve">, , , </t>
  </si>
  <si>
    <t>D.m.i. de dysenteria</t>
  </si>
  <si>
    <t>Mart MDCCVI</t>
  </si>
  <si>
    <t>March, 1706</t>
  </si>
  <si>
    <t>Statement of Responsibility: brevi considerazioni Di Ranieri Bellini Di Pisa, Publication Statement: 1850, Dimensions: 22 cm, General Note: On title page: Art. estratio dal Giorn. Ital. di Scienze Med. e Nat. Il Progresso, Bibliographical Note: Anno II, Citation Note: N. 7."""", Exhibition Note: Italian, Parent: 2768</t>
  </si>
  <si>
    <t>On the Reciprocal Action of Metals and the Constituents of Well-and River-Waters</t>
  </si>
  <si>
    <t>Setember 1857</t>
  </si>
  <si>
    <t>September, 1857</t>
  </si>
  <si>
    <t>Statement of Responsibility: By Henry Medlock., Publication Statement: 1857, Dimensions: 22 cm, Bibliographical Note: Catalogued from head of text; 'From the Philosophical Magazine for September 1857'; MS notes throughout text; Bound in volume lettered Medico-legal tracts, 8., priref: 60482</t>
  </si>
  <si>
    <t>Henry Medlock</t>
  </si>
  <si>
    <t>Researches on Phthisis, Anatomical, Pathological and Therapeutical</t>
  </si>
  <si>
    <t>Statement of Responsibility: By H. Letheby., Publication Statement: 1846, Dimensions: 22 cm, Bibliographical Note: Catalogued from head of text; Reprinted: 'From the Pharmaceutical Journal, for Feb. 1846, vol. V no. VIII; Bound in volume lettered Medico-legal Tracts, 2., Class Number: 340.6, priref: 19027</t>
  </si>
  <si>
    <t>Pierre Charles Alexandre Louis</t>
  </si>
  <si>
    <t>Histoire De La Medecine</t>
  </si>
  <si>
    <t>MDCCII</t>
  </si>
  <si>
    <t>aux depens de la compagnie</t>
  </si>
  <si>
    <t>Dimensions: 16 cm, Provenance: Autograph: Lister, Edmund R.C.; Book-plate: Lister, Edmund R.C., Bibliographical Note: Bibliog., Class Number: 61, priref: 19543</t>
  </si>
  <si>
    <t>Daniel Le Clerc</t>
  </si>
  <si>
    <t>D.m.i., de venae sectione in pede et aliis certis corporis regionibus</t>
  </si>
  <si>
    <t>Jun. MDCCV</t>
  </si>
  <si>
    <t>Statement of Responsibility: by William Perrin Brodribb, Publication Statement: Published by S. Highley, MDCCCLI, Dimensions: 22 cm, General Note: Bound in Medico-legal tracts, 19., Bibliographical Note: Bibliography., Collection: UK Medical Heritage Library, Class Number: 340.6, Websites: &lt;a href=http://wellcomelibrary.org/player/b28404944""&gt;View online via the Wellcome Library&lt;/a&gt;; &lt;a href=""https://archive.org/details/rcplondon?&amp;and=b28404944""&gt;View online via the Internet Archive&lt;/a&gt;; &lt;a href=""https://ukmhl.historicaltexts.jisc.ac.uk/ukmhl-b28404944""&gt;View online via Jisc Historical Texts&lt;/a&gt;"", priref: 4912</t>
  </si>
  <si>
    <t>Life, Character and Works of Prof. J. W. Mclaughlin, M. D.</t>
  </si>
  <si>
    <t>Statement of Responsibility: H. L. Hilgartner, Illustrations: portrait, Dimensions: 23 cm, General Note: This is a reprint of the article, which was probably made in Dallas, Texas, in 1910. It is 9 pages long., Genre: Biographies, Class Number: 92 MAC, priref: 200002728</t>
  </si>
  <si>
    <t>Henry Louis Hilgartner</t>
  </si>
  <si>
    <t>Histoire catholique de nostre temps, tovchant l'estat de La religion Chrstienni contre l'histoire de Jean Sleyden</t>
  </si>
  <si>
    <t>Steels, Joannes, active 16th century</t>
  </si>
  <si>
    <t>Statement of Responsibility: composee par S. Fontaine docteur en theologie, Publication Statement: A Anuers : Chez Iean Steelsius, a l'escu de Bourgoigne, 1558, Dimensions: 15 cm (8vo), Provenance: Copy number 11685: Roberts and Watson note that this copy has no marks, Series: but a name has been torn from the titlepage which may have been Dee's""."", Summary: Roberts and Watson, 991, Preservation Note: French, Continues: 282, Child: 11372</t>
  </si>
  <si>
    <t>D.i. chemico-medica de acido caeruleo Berolinensi</t>
  </si>
  <si>
    <t>Corporate Author: Medico-Botanical Society of London, Publication Statement: Printed by J. Wilson, George Court, Piccadilly, Dimensions: 22 cm, Genre: Addresses, priref: 30475</t>
  </si>
  <si>
    <t>Christian Gottfried Theer</t>
  </si>
  <si>
    <t>Prince Arthur: an Heroick Poem. In Ten Books</t>
  </si>
  <si>
    <t>A. and J. Churchill (Booksellers: London, England)</t>
  </si>
  <si>
    <t>Dimensions: 32 cm, Binding Method: Hardback, Citation Note: Wing B 3082, Class Number: C08, priref: 3672</t>
  </si>
  <si>
    <t>D. m. i. de diabete</t>
  </si>
  <si>
    <t>Statement of Responsibility: by James Copland, Dimensions: 23 cm, Provenance: Copland, James (dedication statement on half title page), General Note: With half-title page., Bibliographical Note: Includes bibliographical references and index., Class Number: 616.23/.24, priref: 7441</t>
  </si>
  <si>
    <t>William Stevenson</t>
  </si>
  <si>
    <t>Observations on the Absorption of Metals into the Blood, in Cases of Poisoning. Illustrated by an Account of a Case of Poisoning by Lead, Occurring in a Cow under the Care of Mr. Cherry, Veterinary Surgeon to the Coldstream Guards</t>
  </si>
  <si>
    <t>[Guy's Hospital]</t>
  </si>
  <si>
    <t>Statement of Responsibility: by James Carmichael Smyth, Dimensions: 21 cm, Provenance: Autograph: Smyth, James Carmichael*, Collection: UK Medical Heritage Library, Genre: Letters, Websites: &lt;a href=http://wellcomelibrary.org/player/b28524330""&gt;View online via the Wellcome Library&lt;/a&gt;; &lt;a href=""https://archive.org/details/rcplondon?&amp;and=b28524330""&gt;View online via the Internet Archive&lt;/a&gt;; &lt;a href=""https://ukmhl.historicaltexts.jisc.ac.uk/ukmhl-b28524330""&gt;View online via Jisc Historical Texts&lt;/a&gt;"", priref: 30116</t>
  </si>
  <si>
    <t>Address: Medico-Botanical Society, 1831</t>
  </si>
  <si>
    <t>Printed by J. Wilson</t>
  </si>
  <si>
    <t>Publication Statement: 18--, Dimensions: 22 cm, Bibliographical Note: Extr. from Lond. Edinb. Monthly J. med. Sci., priref: 29326</t>
  </si>
  <si>
    <t xml:space="preserve">Philip Henry Stanhope, </t>
  </si>
  <si>
    <t>Case of Super-FÅ“tation</t>
  </si>
  <si>
    <t>SEPTEMBER, 1848</t>
  </si>
  <si>
    <t>September, 1848</t>
  </si>
  <si>
    <t>Statement of Responsibility: By A.N. Read., Publication Statement: 1848, Bibliographical Note: Catalogued from head of text; Article from: The Medical Examiner, and record od medical science. New Series, no. XLV, September 1848; Bound in volume lettered Medico-legal tracts, 5 (MLT 5)., priref: 60472</t>
  </si>
  <si>
    <t>Albert N. Read</t>
  </si>
  <si>
    <t>Pavli Orosij Presbyteri Hispani adversvs paganos historiarvm libri septem</t>
  </si>
  <si>
    <t>Cholinus, Maternus</t>
  </si>
  <si>
    <t>Statement of Responsibility: vetustorum librorum auxilio aÌ€ mendis vindicati, &amp; annotationibus ex vtriusque, linguÃ¦ historicus illustrati, opera &amp; studio Franc. Fabricij Marcodurani ; quibus nunc accessit eiusdem Orosij Apologeticus contra Pelagium, de arbitrij libertate, Publication Statement: Coloniae : Apud Maternum Cholinum MDLXXIIII, Dimensions: 17 cm (8vo), Provenance: Copy 10607: Roberts and Watson note 'Dee's copy...without signature. There are annotations by him in lib. I cap. 2 Zeilan"", Series: and ""Samara"", Series Number: lib III, Series ISSN: cap. 18-20 (Alexander's conquests) and lib. VI. cap.21 (conquests of early Roman empire in Spain, Subseries: Germany, General Note: Africa)'."", Preservation Note: Copy 10607: Dorchester No. D145b/3, Collection: Copy 10607: Roberts and Watson, 1311, Genre: Dissent and Disputes; History, Websites: Annotations, Holding Note: Dee, John, 1527-1608 (Former owner); Dorchester, Henry Pierrepont, Marquis of, 1606-1680 (Donor); Fabricius, Franz, 1527-1573 (Editor), Numbering Note: 39238</t>
  </si>
  <si>
    <t>Paulus Orosius</t>
  </si>
  <si>
    <t>Aristeae, De legis diuinae ex Hebraica lingua in Graecam translatione, per Septuaginta interpretes, Ptolemaei Philadelphi Aegyptiorum Regis studio ac liberalitate Hierosolyma accersitos, absoluta, historia nunc primum Graece` edita : In qua, praeter multa alia lectu dignissima, &amp; pij Regis imago, &amp; regni optimeÂ´ constituti forma ad unguem expressa demonstratur</t>
  </si>
  <si>
    <t>Oporinus, Joannes, 1507-1568</t>
  </si>
  <si>
    <t>Statement of Responsibility: Cum conuersione Latina, autore Matthia Garbitio, Publication Statement: Basileae : Per Ioannem Oporinum, 1561?, Dimensions: 16 cm, Provenance: Copy number 10500: Roberts and Watson note that this is Dee's copy, and a name has been torn off the title page. There are a few Dee underlinings. Dated 1561 by BM""."", General Note: Copy number 10500: Dorchester number D149/17, Citation Note: Roberts and Watson, 1018, Collection: John Dee; Dorchester, Genre: Annotations, Other Names: Garbitius, Matthias (Translator); Dee, John, 1527-1608 (Former owner); Dorchester, Henry Pierrepont, Marquis of, 1606-1680 (Donor), priref: 35565</t>
  </si>
  <si>
    <t>Programma quo J. D. M. disputationem de petechiis a J. P. Foertschio habendam intimat</t>
  </si>
  <si>
    <t>8 Novemb. 1681</t>
  </si>
  <si>
    <t>November 8, 1681</t>
  </si>
  <si>
    <t>J. Reumannus</t>
  </si>
  <si>
    <t>Publication Statement: 1681, Dimensions: 23 cms, Bibliographical Note: Bi - end wanting, priref: 20409</t>
  </si>
  <si>
    <t>Johann Daniel Major</t>
  </si>
  <si>
    <t>Galeni de differentiis febrium libri duo</t>
  </si>
  <si>
    <t>M. D. XXXVIII</t>
  </si>
  <si>
    <t>Stagnino, Bernardino,</t>
  </si>
  <si>
    <t>A Letter from a Physician in Town to His Friend in the Country, Concerning the Disputes at Present Subsisting between the Fellows and Licentiates of the College of Physicians in London</t>
  </si>
  <si>
    <t>M,DCC,LIII.</t>
  </si>
  <si>
    <t>Millar, Andrew</t>
  </si>
  <si>
    <t>Publication Statement: London : Printed for A. Millar, opposite Katherine Street in the Strand, M,DCC,LIII, Dimensions: 22 cm (8vo), General Note: In this edition the second line of the â€™Advertisementâ€™ on p.3 reads having been applied to by"", Bibliographical Note: and p.9 is signed B."", Summary: ESTC T70444, Preservation Note: English, Continues: C9</t>
  </si>
  <si>
    <t>On the Efficacy of Small Doses of Morphia (As Opposed to the Use of Expectorants) in the Treatment of Hooping Cough, Chronic Bronchitis, and Phthisis</t>
  </si>
  <si>
    <t>MAY, 1856</t>
  </si>
  <si>
    <t>May, 1856</t>
  </si>
  <si>
    <t>Murray and Gibb, Printers</t>
  </si>
  <si>
    <t>Statement of Responsibility: by Carl Theodor von Siebold ; translated by T.H. Huxley., Corporate Author: Sydenham Society, Illustrations: ill., Dimensions: 23 cm, General Note: Translation of: Ueber die Band- und BlasenwuÌˆrmer.; Includes index., Bibliographical Note: Bound with KÃ¼chenmeister, G.F.H. On animal and vegetable parasites of the human body. 1857., Collection: UK Medical Heritage Library, Other Names: Huxley, Thomas Henry, 1825-1895 (Translator), Class Number: 576.88/.89, Websites: &lt;a href=https://archive.org/details/rcplondon?&amp;and=b24758516""&gt;View online via the Internet Archive&lt;/a&gt;; &lt;a href=""http://wellcomelibrary.org/player/b24758516""&gt;View online via the Wellcome Library&lt;/a&gt;; &lt;a href=""https://ukmhl.historicaltexts.jisc.ac.uk/ukmhl-b24758516""&gt;View online via Jisc Historical Texts&lt;/a&gt;; &lt;a href=""https://ukmhl.historicaltexts.jisc.ac.uk/ukmhl-b24758516""&gt;View online via Jisc Historical Texts&lt;/a&gt;"", priref: 29565</t>
  </si>
  <si>
    <t>Edward Smith</t>
  </si>
  <si>
    <t>Q. m.-chirurgica an fistulae lacrymali cauterium actuale?</t>
  </si>
  <si>
    <t>Publication Statement: 1728, Dimensions: 25cms., Provenance: Association: Sloane, Hans (Sir); Autograph: Woolhouse, John Thomas, Bibliographical Note: Dissertation. D.C.Fremont proponent, Other Names: Fremont, Desidere Claude (Proponent), priref: 23203</t>
  </si>
  <si>
    <t>Pierre Antoine Lepy</t>
  </si>
  <si>
    <t>Some Observations Made upon the Russia Seed, Shewing Its Admirable Virtues in Curing the Rickets in Children / Written by a Doctor of Physickâ€¦</t>
  </si>
  <si>
    <t>Printed [For the Author]</t>
  </si>
  <si>
    <t>Statement of Responsibility: John Peachie, Dimensions: 20 cm, General Note: Electrostatic copy of original - Published anonymously - Wing P938A., Class Number: 615.32:582, priref: 24719</t>
  </si>
  <si>
    <t>John Pechey</t>
  </si>
  <si>
    <t>Observations and Experiments on the Broad-Leaved Willow Bark</t>
  </si>
  <si>
    <t>S. Hazard</t>
  </si>
  <si>
    <t>Dimensions: 22 cm, priref: 34597</t>
  </si>
  <si>
    <t>51.3810641,-2.3590167</t>
  </si>
  <si>
    <t>William White</t>
  </si>
  <si>
    <t>Diseases of the Nervous System</t>
  </si>
  <si>
    <t>Statement of Responsibility: by Richard Cull, Dimensions: 22 cm, General Note: With half-title page., priref: 7930</t>
  </si>
  <si>
    <t>PARS II. Solymanni XII. ET SELYMI XIII. TVR CAR. IMPP. CONTRA chrifianos : uicissim? Christianorum contra hos, sub auspicijs trium Potentiss. Rom.Imppp. CAROLI V, FERDINANDI, &amp; MAXIMILIANI II, res gestÃ¦, bella, prÃ¦lia. expeditiones &amp; expugnationes, ab anno M. D. XX. usque in prÃ¦sentem annum M. D. LXXVII. peractÃ¦. Ex uarijs autoribus (quorum nomina sequenti pagella recensentur) in unum opuseulum collectÃ¦, &amp; secunddm seriem annorum digestÃ¦ PER, NICOLAVM HONICERVUM KONINGSHOF. FRANC</t>
  </si>
  <si>
    <t>Henricpetri, Sebastian</t>
  </si>
  <si>
    <t>Dimensions: 16 cm, Binding: Binding: SU, Collection: Dorchester, priref: 37608</t>
  </si>
  <si>
    <t>Dissertatio inauguralis medica de haemorrhoidibus caecis</t>
  </si>
  <si>
    <t>Publication Statement: 1648, Dimensions: 20 cms, Bibliographical Note: Dissertation; Check date, Other Names: Walther, Johann (Praeses); Muller, Johann Heinrich (Respondent), priref: 33349</t>
  </si>
  <si>
    <t>Heinrich Christian Winter</t>
  </si>
  <si>
    <t>Poisons and Counter-Poisons Therapeutically Considered</t>
  </si>
  <si>
    <t>Statement of Responsibility: By M. Bouchardat., Dimensions: 22 cm, Bibliographical Note: Catalogued from head of text; Extracted from Record of medical Science, Sep. 1847; Bound in volume lettered Medico-legal tracts, 5 (MLT 5)., Class Number: 340.6, priref: 4116</t>
  </si>
  <si>
    <t>M Bouchardat</t>
  </si>
  <si>
    <t>The Medical Examiner and Record of Medical Science: New Series, December 1845</t>
  </si>
  <si>
    <t>Statement of Responsibility: University of London, Corporate Author: University of London, Publication Statement: Sold by Richard and John E. Taylor, printers to the University of London, Dimensions: 24 cm, Collection: UK Medical Heritage Library, Websites: &lt;a href=http://wellcomelibrary.org/player/b28040284""&gt;View online via the Wellcome Library&lt;/a&gt;; &lt;a href=""https://archive.org/details/rcplondon?&amp;and=b28040284""&gt;View online via the Internet Archive&lt;/a&gt;; &lt;a href=""https://ukmhl.historicaltexts.jisc.ac.uk/ukmhl-b28040284""&gt;View online via Jisc Historical Texts&lt;/a&gt;"", priref: 60459</t>
  </si>
  <si>
    <t>D. m. i. de dysphagia</t>
  </si>
  <si>
    <t>Illustrations: Illus, Dimensions: 22 cms, Bibliographical Note: bibliog., priref: 22049</t>
  </si>
  <si>
    <t>Alexander Monro</t>
  </si>
  <si>
    <t>Some Remarks on the Charter of the College of Physicians in London and the Act of Parliament Which Confirms It, Wherein the Case Is Truly Stated Betwixt the Universities and the College</t>
  </si>
  <si>
    <t>MDCCXIV</t>
  </si>
  <si>
    <t>Bowyer, Jonah</t>
  </si>
  <si>
    <t>Dimensions: 19 cm, Provenance: Signature: Jo ? Tymhitt ?; Signature: GM Wauchope, Bibliographical Note: 'Licensed, April 23. 1689. James Fraser'; Engraved frontispiece half-title; Referenced: Wing M833, Other Names: Killigrew, Henry, 1613-1700 (Translator), priref: 60759</t>
  </si>
  <si>
    <t>The Essential Equipments for the Best Pursuit of Modern Medicine</t>
  </si>
  <si>
    <t>24th January, 1923</t>
  </si>
  <si>
    <t>[W. Heffer &amp; Sons]</t>
  </si>
  <si>
    <t>Statement of Responsibility: by Sir Dyce Duckworth, Dimensions: 25 cm, Bibliographical Note: Bibliography, Class Number: 378.4:61, priref: 9405</t>
  </si>
  <si>
    <t>Sir Dyce Duckworth</t>
  </si>
  <si>
    <t>Dissertatio inauguralis medica de atretis</t>
  </si>
  <si>
    <t>julii, MDCCIX</t>
  </si>
  <si>
    <t>July, 1709</t>
  </si>
  <si>
    <t>Dimensions: 21 cm, priref: 2304</t>
  </si>
  <si>
    <t>Thomae Bartholoni Antiquitatum veteris puerperii synopsis; C. Bartholino commentario illustrata, cum Thomae Bartholoni</t>
  </si>
  <si>
    <t>Frisius, Andreas</t>
  </si>
  <si>
    <t>Illustrations: ill., Dimensions: 16 cm, Accompanying Material: 3 pages of notes in French tipped in at front, Bibliographical Note: ms notes, Class Number: 739.2, priref: 59678</t>
  </si>
  <si>
    <t>Thomas Bartholin</t>
  </si>
  <si>
    <t>Viri illvstrissimi avreole Theophrasti ab Hohenheim â€¦ de gradibvs, de compositionibvs et dosibvs receptorvm ac natvralium libri septem</t>
  </si>
  <si>
    <t>MDLXII</t>
  </si>
  <si>
    <t>Schmidt, Peter</t>
  </si>
  <si>
    <t>Publication Statement: Myloecii : excudebat Petrus Fabricius, M. D. LXII, Dimensions: 20 cm (4to), Provenance: Copy 9884-2: Roberts and Watson note that the copy might be Dee's, though there are no annotations., General Note: Errata on last page.; Woodcut initials and tail-pieces.; Printer's device on title page.; Copy 9884-2: Dorchester No. D106/16, Bibliographical Note: Bound with his De urinarum ac pulsuum judiciis. 1568., Citation Note: Copy 9884-2: Roberts and Watson, 2222, Collection: John Dee; Dorchester, Genre: Woodcut illustrations; Printers' devices; Errata lists, Other Names: Dorchester, Henry Pierrepont, Marquis of, 1606-1680 (Donor), priref: 39340</t>
  </si>
  <si>
    <t>Casum laborantis coryza proponit A.M. Dormer</t>
  </si>
  <si>
    <t>typis S. Krebsii</t>
  </si>
  <si>
    <t>Dimensions: 24 cm, Bibliographical Note: Bibliographical notes, Class Number: 615.1, priref: 8963</t>
  </si>
  <si>
    <t>Certaine statvtes especially selected, and commanded by his Maiestie to be carefully put in execution by all iustices, and other officers of the peace throughout the realme; with his Maiesties proclamation for further direction for executing the same. Also certaine orders thought meete by his Maiestie and his Priuie Counsell, to bee put in execution, together with sundry good rules, preseruatiues, and medicines against the infection of the plague</t>
  </si>
  <si>
    <t>MDCXXX</t>
  </si>
  <si>
    <t>Barker, Robert; Bill, John</t>
  </si>
  <si>
    <t>Statement of Responsibility: Set downe by the Colledge of the Physicians vpon his Maiesties speciall command: as also a decree of the Starre-Chamber concerning buildings and in-mates., Corporate Author: Royal College of Physicians of London, Publication Statement: London : Printed by Robert Barker and Iohn Bill, printers to Kings most eccellent maiestie, anno dom., M.DC.XXX., Illustrations: illustrations (woodcuts), Dimensions: 20 cm (8vo), Provenance: 21792 Inscription on first leaf: 'John Lee was Baptized at Christmas in 1665. John Lee His Booke', General Note: Signatures: A^4 A^5 B-I^4 K^5 L-N^4 (-N4) P^4 Q^2.; First leaf blank except for signature mark A"" within mortised ornament.; Woodcut head-pieces and initials.; Includes the proclamation of 23 April 1630.; Colophon reads: Imprinted at London by Robert Barker, Bibliographical Note: printer to the Kings most excellent Maiestie. Anno Dom. 1609.; Mostly composed of a reissue or reimposition of sheets or pages from ""Foure statutes, Citation Note: specially selected and commanded by his Majestie to be carefully put in execution by all justices and other officers of the peace throughout the realme"" (STC 9341).; This issue is variant of ESTC S12590: note differences in pagination.; This copy has extra leaf signed K inserted between leaves K2 and K3, Summary: beginning ""After our hearty commendations : whereas we are informed, Preservation Note: out of your royall care of the safety and wel-fare of your subiects"" on the verso.; 21792 This copy has extra leaf signed K inserted between leaves K2 and K3, Exhibition Note: beginning ""After our hearty commendations : whereas we are informed, Collection: that divers houses in several parishes"" on the recto and ""To the Kings most excellent maiestie. Whereas is hath pleased your maiestie, Continues: Plague, Prevention and Control; Plague, Therapy, Holding Note: 17th Century, Images: Woodcut illustrations, Price: Lee, John (Former owner), Volumes: C616.923</t>
  </si>
  <si>
    <t>A Lecture Introductory to the Study of Anatomy and Physiology... At the New Theatre of Anatomy, 24 Sidmouth Street, Gray's Inn Lane</t>
  </si>
  <si>
    <t>Published by the Author</t>
  </si>
  <si>
    <t>Dimensions: 22 cm, priref: 8753</t>
  </si>
  <si>
    <t>Henry William Dewhurst</t>
  </si>
  <si>
    <t>Delle alterazioni che subiscono i globetti rossi del sangue per l'azione 'alcune sostanze medicamentose: ricerche microcsopiche</t>
  </si>
  <si>
    <t>Bibliographical Note: Repr. from Trans Linnean Soc., vol.16, 1833, p.525-85., priref: 1459</t>
  </si>
  <si>
    <t>Ranieri Bellini, Atto Tigri</t>
  </si>
  <si>
    <t>Thya illustranda</t>
  </si>
  <si>
    <t>Die 24 April, Ao. 1711</t>
  </si>
  <si>
    <t>April 24, 1711</t>
  </si>
  <si>
    <t>Statement of Responsibility: edited by Charles Singer, Publication Statement: 1917-21, Illustrations: Illustrations, facsimiles, Dimensions: 28 cm, Binding Method: Hardback, Provenance: Autograph: Charles Singer, Class Number: 5(09), priref: 29457, Child: 35517; 37232; 37278; 37299; 37384; 37559; 38166; 39609; 40550; 40551; 40795; 40799; 40800; 40801; 40981; 41877; 41878; 42015; 42095; 42096; 42549; 42726</t>
  </si>
  <si>
    <t>Nicolaus Aagaard, Edvardus Petrus F. Wium</t>
  </si>
  <si>
    <t>The Advancement of Science by Experimental Research: the Harveian Oration Delivered at the Royal College of Physicians, June 27th, 1883</t>
  </si>
  <si>
    <t>June 27th, 1883</t>
  </si>
  <si>
    <t>June 27, 1883</t>
  </si>
  <si>
    <t>Publication Statement: 1877?, Dimensions: 19cm., Bibliographical Note: Paper read at the Liverpool Conference of the Church of England Temperance Society, January 1877; Check date, priref: 35084</t>
  </si>
  <si>
    <t>Samuel Osborne Habershon</t>
  </si>
  <si>
    <t>The Papers Set for the Examinations for the Diploma in Public Health of the Royal College of Physicians of London and the Royal College of Surgeons of England during the Year 1893</t>
  </si>
  <si>
    <t>A Letter to Mr. Clare, Surgeon, on His New and Easy Method of Introducing Mercury into the System, through the Orifices of the Absorbent Vessels, on the inside of the Mouth: And Recommending It to the Consideration of the World in General and the Navy in Particularâ€¦ to Which Are Added Remarks on the Same Subject</t>
  </si>
  <si>
    <t>MDCCLXXXIII</t>
  </si>
  <si>
    <t>Publication Statement: London : publisher not identified, M DCC LXXXIII, Dimensions: 18 cm (12mo), Binding: Copy number 54546: 20th-century half calf over marbled paper., Provenance: Copy number 54546: 19th-century inkstamp on first lower flyleaf of volume: Med. Chir. Soc. Adberdeen"".; Copy number 54546: Former shelfmark on upper pastedown MSSVD 110.; Copy number 54546: Donated by the British Association for Sexual Health and HIV (BASHH) February 2013."", General Note: Copy number 54546: Bound with Clare, 'Practical treatise on the gonorrhoea' (1783) and Clare, 'Observations on the prevention and cure of siphylis sic' (1783)., Citation Note: ESTC N10585, Genre: Letters, Other Names: Medical Society for the Study of Venereal Diseases (Great Britain) (Former owner); British Association for Sexual Health and HIV (Donor); Aberdeen Medico-Chirurgical Society (Former owner), Class Number: 616.973, priref: 59619</t>
  </si>
  <si>
    <t>William Turnbull</t>
  </si>
  <si>
    <t>Some Practical Observations on the Pathology, Modifications, and Treatment of Croup</t>
  </si>
  <si>
    <t>Dimensions: 22 cm, Class Number: 612.67, priref: 2911</t>
  </si>
  <si>
    <t>James Bird</t>
  </si>
  <si>
    <t>The Alliance between Church and State; or, the Necessity and Equity of an Established Religion and a Test-Lawâ€¦</t>
  </si>
  <si>
    <t>MDCCXLI</t>
  </si>
  <si>
    <t>Dimensions: 21 cms, Bibliographical Note: Disputatio., Other Names: Tappe, Jakob (Praeses); Muller, Johann Julius (Respondent), priref: 31289</t>
  </si>
  <si>
    <t>William Warburton</t>
  </si>
  <si>
    <t>Minutes of the Proceedings of the R. C. P. Relating to Dr. Isaac Schomberg, from Feb. 6,1746, to Dec. 22,1753</t>
  </si>
  <si>
    <t>MDCCLIV.</t>
  </si>
  <si>
    <t>Robinson, Jacob,-1759</t>
  </si>
  <si>
    <t>Corporate Author: Royal College of Physicians of London, Dimensions: 20 cm, Class Number: C9, priref: 59520</t>
  </si>
  <si>
    <t>Dr. ISSAC SCHOMBERG</t>
  </si>
  <si>
    <t>A Collection of Poems on Various Subjects</t>
  </si>
  <si>
    <t>MDCCXVIII</t>
  </si>
  <si>
    <t>J. Browne</t>
  </si>
  <si>
    <t>Dimensions: 21 cm, Class Number: C08 BLA, priref: 3662</t>
  </si>
  <si>
    <t>The Annual Address Delivered to the Royal College of Physicians on Monday, the 8th of April, 1895 by President Sir J. Russell Reynolds, Bart., M.D.., F.R.S</t>
  </si>
  <si>
    <t>Printed by William Boyle, Warwick Square, E.C.</t>
  </si>
  <si>
    <t>Corporate Author: Philadelphia County Medical Society, Publication Statement: For the Society, Dimensions: 23 cm, General Note: Includes index., Collection: UK Medical Heritage Library, Websites: &lt;a href=http://wellcomelibrary.org/player/b28039117""&gt;View online via the Wellcome Library&lt;/a&gt;; &lt;a href=""https://archive.org/details/rcplondon?&amp;and=b28039117""&gt;View online via the Internet Archive&lt;/a&gt;; &lt;a href=""https://ukmhl.historicaltexts.jisc.ac.uk/ukmhl-b28039117""&gt;View online via Jisc Historical Texts&lt;/a&gt;"", priref: 25687</t>
  </si>
  <si>
    <t>John Russell Reynolds</t>
  </si>
  <si>
    <t>The Bradshaw Lecture on the Diagnosis and Treatment of Incipient Pulmonary Tuberculosis</t>
  </si>
  <si>
    <t>Statement of Responsibility: by David Bridge Lees, Corporate Author: Royal College of Physicians of London, Dimensions: 22 cm, Series: Bradshaw lectures Royal College of Physicians, Series Number: 1912, General Note: Spine title: Incipient pulmonary tuberculosis.; Delivered before the Royal College of Physicians of London, Bibliographical Note: November 5th, Citation Note: 1912"".; Includes his address before the Cambridge Medical Society (May 1913) on the same subject."", Class Number: Lectures, Continued by: C042, Attached Documents: &lt;a href=https://archive.org/details/rcplondon?&amp;and=b24976635""&gt;View online via the Internet Archive&lt;/a&gt;; &lt;a href=""http://wellcomelibrary.org/player/b24976635""&gt;View online via the Wellcome Library&lt;/a&gt;; &lt;a href=""https://ukmhl.historicaltexts.jisc.ac.uk/ukmhl-b24976635""&gt;View online via Jisc Historical Texts&lt;/a&gt;"", Parent: 38381</t>
  </si>
  <si>
    <t>A Letter to Dr. John Friend, on the Bill Now Depending for the Inspection of Drugs and Medicinal Compositions in Apothecaries, Chymists, and Druggists Shops</t>
  </si>
  <si>
    <t>Moore, A.</t>
  </si>
  <si>
    <t>Dimensions: 20 cm, priref: 19049</t>
  </si>
  <si>
    <t>Supplementum linguÃ¦ LatinÃ¦, seu Dictionarium abstrusorum vocabulorum</t>
  </si>
  <si>
    <t>RouillÃ©, Guillaume</t>
  </si>
  <si>
    <t>Dimensions: 20 cm, Bibliographical Note: Bound with his De doctrina moriendi opusculum. 1520., Collection: Dorchester, priref: 36365</t>
  </si>
  <si>
    <t>Robert Constantin</t>
  </si>
  <si>
    <t>Dispvtatio inavgvralis medica de febre hecticaâ€¦</t>
  </si>
  <si>
    <t>M. DC. XCV</t>
  </si>
  <si>
    <t>MÃ¼llerianis (litteris)</t>
  </si>
  <si>
    <t>Notes Towards a Medical History of Bury</t>
  </si>
  <si>
    <t>June 8, 1818</t>
  </si>
  <si>
    <t>Statement of Responsibility: Samuel Tymms, Corporate Author: Bury &amp; West Suffolk ArchÃ¦ological Institute, Illustrations: illustrations, Dimensions: 20 cm, General Note: Read at a meeting of the Bury and West Suffolk Archaeological Institute, June 8, 1848., Bibliographical Note: Bibliography., Class Number: 61(426.4), priref: 200006019</t>
  </si>
  <si>
    <t>Samuel Tymms</t>
  </si>
  <si>
    <t>Cosmographicae disciplinae compendium, in suum finem, hoc est ad DiuinÃ¦ ProuidentiÃ¦ certissimam demonstrationem conductum. Addita est rervm toto in orbe gestarum [synopsis]. Item, quot, quantÃ¦q[ue] Christianarum gentium nationes, nobis hactenus incognitÃ¦, in vniuerso sint, quÃ¦ Ã  nostro Orbe lumen Euangelij sibi restitutum iri credunt</t>
  </si>
  <si>
    <t>Statement of Responsibility: Gulielmo Postello authore. Cum locuplete rerum &amp; uerborum memorabilium indice, Publication Statement: Basileae : per Ioannem Oporinum, 1561, Illustrations: woodcut illustrations, Dimensions: 23 cm (4to), Provenance: Copy 7555: Roberts and Watson note that it is Dee's copy. 'His name has been bleached out. Nicholas Saunder has written his name in its place and over Dee's Londini"". Heavily annotated by Dee, Series: but cropped'.; Copy number 7555: former shelfmark on title page: 'Y-134'."", Bibliographical Note: Printer's device on title page.; Copy 7555: D49/6; Copy 7556-3 copy bound with Barozzi, F. Opusculum in quo una oratio et duae quaestiones. 1560., Summary: Copy 7555: Roberts and Watson, 386, Preservation Note: Latin, Other Names: Woodcut illustrations; Shelf marks; Printers' devices; Annotations, Class Number: Dee, John, 1527-1608 (Former owner); Saunder, Nicholas, 1563-1649 (Former owner); Dorchester, Henry Pierrepont, Marquis of, 1606-1680 (Donor), Continues: 47a D27/15, Child: 39702</t>
  </si>
  <si>
    <t>On the Climate of Madeira</t>
  </si>
  <si>
    <t>1 June, 1854</t>
  </si>
  <si>
    <t>June 1, 1854</t>
  </si>
  <si>
    <t>T. Richards</t>
  </si>
  <si>
    <t>Publication Statement: 1851, Dimensions: 22 cm, Bibliographical Note: Incomplete number; Bound in Medico-legal tracts, 16., Summary: Contents: A case of poisoning from opium, successfully treated by electro-magnetism., Class Number: 340.6, priref: 3288</t>
  </si>
  <si>
    <t>James Mackenzie Bloxam</t>
  </si>
  <si>
    <t>The Sassafras Tree</t>
  </si>
  <si>
    <t>JANUARY, 1959</t>
  </si>
  <si>
    <t>January, 1959</t>
  </si>
  <si>
    <t>Cleveland Medical Library Association</t>
  </si>
  <si>
    <t>Statement of Responsibility: Eruditorum Examini submittit Joannes Tylston, anglus ..., Dimensions: 26 cm, Binding: Rebound in half red calf and marbled boards. New and added endpapers; Right hand corner of title-page: X - M underlined, Collection: Heberden, priref: 48430</t>
  </si>
  <si>
    <t>41.49932,-81.6943605</t>
  </si>
  <si>
    <t>Genevieve Miller</t>
  </si>
  <si>
    <t>Medicinalium observationum exempla rara, Accessere et alia quaedam</t>
  </si>
  <si>
    <t>MDXXI</t>
  </si>
  <si>
    <t>Apud viduam Thomae Henrici, impensis Henrici Laurentii</t>
  </si>
  <si>
    <t>Statement of Responsibility: Rembert Dodoens, Publication Statement: 1521 i.e. 1621, Dimensions: 17 cm, Provenance: Autograph: Dale, Thomas (1790), Bibliographical Note: 'Antonii Benivenii ... De abditis nonnullis ac mirandis morborum ac sanationum causis liber, cum annotationibus Dodonaei': p. 94-204; 'Medicinalium observationum exempla rara Valesci Tarantani, &amp; Alexandri Benedicti': p. 205-217; 'Historiae gestationis foetus mortui in utero, Matthiae Cornacis ... Egydii Hertogii ... Achillis Gassari': p. 218-234., Class Number: 61, priref: 9064</t>
  </si>
  <si>
    <t>Rembert Dodoens</t>
  </si>
  <si>
    <t>Dispvtationes theologicÃ¦ in primam partem [Summae theologicae] D. ThomÃ¦</t>
  </si>
  <si>
    <t>MDCXLIII</t>
  </si>
  <si>
    <t>Ex officina Plantiniana; B. Moreti</t>
  </si>
  <si>
    <t>Dimensions: 16 cm, Provenance: Autograph: Thomas Crashaw, Collection: Dorchester, Genre: Autographs, Other Names: Crashawe, Thomas (Former owner), priref: 35399</t>
  </si>
  <si>
    <t>Saint Aquinas Thomas, Rodericus de Arriaga</t>
  </si>
  <si>
    <t>The Battle of the Wigs: an Additional Canto to Dr. Garth's Poem of the Dispensary, Occasioned by the Disputes between the Fellows and Licentiates of the College of Physicians in London</t>
  </si>
  <si>
    <t>MDCCLXVIII</t>
  </si>
  <si>
    <t>T. Davies</t>
  </si>
  <si>
    <t>Dimensions: 27 cms, Bibliographical Note: 2 copies.; One copy at 4to Tr.109(12)., Class Number: C 8-1, priref: 41277</t>
  </si>
  <si>
    <t>Bonnell Thornton</t>
  </si>
  <si>
    <t>The Sentence... In the Extraordinary Cause between A. Payba, Alias James Roberts, Plaintiff and E. Wortley Montagu and T. Taaffe, Defendants</t>
  </si>
  <si>
    <t>Dimensions: 21 cm, priref: 24411</t>
  </si>
  <si>
    <t>Abraham Payba</t>
  </si>
  <si>
    <t>UNDATED</t>
  </si>
  <si>
    <t>D. m. i. de hydrope intercute, seu anasarca</t>
  </si>
  <si>
    <t>Statement of Responsibility: by John Symons, Publication Statement: Printed by S. Farley, in Castle-Green; and sold by Mrs. Palmer, bookseller, in Wine-street, Mr. Leake, and Mr. Frederick, booksellers, in Bath; Mr. Millar, in the Strand, Mr. White, in Fleet-street, London; and Mr. Fletcher, in Oxford, 1766, Dimensions: 21 cm, General Note: 2 copies.; One bound with Glass, T. An Account of the antient baths.1752.; One copy in Tr. 46(1)., Bibliographical Note: Includes bibliographical references., Class Number: 615.7/.8, priref: 31083</t>
  </si>
  <si>
    <t>Thomas Walker</t>
  </si>
  <si>
    <t>Report on Medical Jurisprudence in the Bengal Presidency</t>
  </si>
  <si>
    <t>F. Carbery, Bengal Military Orphan Press</t>
  </si>
  <si>
    <t>Statement of Responsibility: By Norman Chevers., Dimensions: 22 cm, Provenance: Signature: Alfred Taylor Esqe, M.D. with ? author; Signature: Alfred S. Taylor ..., Bibliographical Note: Bibliography; Reprinted from the 'Indian Annal', October, 1854; Bound in volume lettered Medico-legal tracts, 7., Class Number: 340.6, priref: 6423</t>
  </si>
  <si>
    <t>22.56263,88.36304</t>
  </si>
  <si>
    <t>Norman Chevers</t>
  </si>
  <si>
    <t>On Poisoning by Strychnia</t>
  </si>
  <si>
    <t>Statement of Responsibility: By A.S. Taylor, Publication Statement: 1855, Dimensions: 22 cm, Bibliographical Note: Abstract of A.S. Taylor's article; Caption title; Extracted from: Glasgow Medical Journal, v. 4, no. 16, 1855?; Bound in volume lettered: Medico-legal tracts, 11., priref: 60500</t>
  </si>
  <si>
    <t>The Papers Set for the Examinations for the Diploma in Public Health of the Royal College of Physicians of London and the Royal College of Surgeons of England, during the Years 1890 &amp; 1891</t>
  </si>
  <si>
    <t>1890 &amp; 1891</t>
  </si>
  <si>
    <t>1890-1891</t>
  </si>
  <si>
    <t>An Attempt to Apply Chemical Principles in Explanation of the Action of Remedies and Poisons</t>
  </si>
  <si>
    <t>J. Martin</t>
  </si>
  <si>
    <t>Statement of Responsibility: by W. H. Broadbent, Dimensions: 21 cm, Class Number: 615.4, priref: 4758</t>
  </si>
  <si>
    <t>Sir William Henry Broadbent</t>
  </si>
  <si>
    <t>Quaestio medica an Sagou phthisicis prodest?</t>
  </si>
  <si>
    <t>Martii, 1729</t>
  </si>
  <si>
    <t>March, 1729</t>
  </si>
  <si>
    <t>J. Quillau (typis viduae)</t>
  </si>
  <si>
    <t>Dimensions: 25 cm, Other Names: Malouin, Paulus Jacobus (Proponent), priref: 19507</t>
  </si>
  <si>
    <t>Urbanus Leaulte</t>
  </si>
  <si>
    <t>The Harveian Oration Delivered before the Royal College of Physicians, Wednesday, June 27th, 1877</t>
  </si>
  <si>
    <t>Savill and Edwards</t>
  </si>
  <si>
    <t>Statement of Responsibility: by Edward Seguin, Dimensions: 19 cm, General Note: Cover title: Manual of thermometry.; Affixed over US publisher information on title page is a label stating the publisher: Wiilliams and Norgate, Covent Garden, London., Collection: UK Medical Heritage Library, Class Number: 616-073.65, Websites: &lt;a href=https://archive.org/details/rcplondon?&amp;and=b24991715""&gt;View online via the Internet Archive&lt;/a&gt;; &lt;a href=""http://wellcomelibrary.org/player/b24991715""&gt;View online via the Wellcome Library&lt;/a&gt;; &lt;a href=""https://ukmhl.historicaltexts.jisc.ac.uk/ukmhl-b24991715""&gt;View online via Jisc Historical Texts&lt;/a&gt;"", priref: 29006</t>
  </si>
  <si>
    <t>Edward Henry Sieveking</t>
  </si>
  <si>
    <t>Dissertatio inauguralis medica de punctura nervorum: [et propempticon inaugurale de demonstratione hippocratica]</t>
  </si>
  <si>
    <t>Mari MDCLXXIX</t>
  </si>
  <si>
    <t>March, 1689</t>
  </si>
  <si>
    <t>Publication Statement: 1783, Dimensions: 22 cm, Bibliographical Note: Printed at Bouillon by J. Brasseur; Check date, priref: 31974</t>
  </si>
  <si>
    <t>Q. m. an recens nato, lac recens enixae matris?</t>
  </si>
  <si>
    <t>[apud viduam F. Muguet]</t>
  </si>
  <si>
    <t>Dimensions: 21 cm, priref: 8506</t>
  </si>
  <si>
    <t>Bertinus Dieuxivoye</t>
  </si>
  <si>
    <t>Joh. Baptistae Casalii, Romani, De thermis et balneis veterum tractatio</t>
  </si>
  <si>
    <t>Statement of Responsibility: G.B. Casali, Illustrations: ill., Dimensions: 40 cm, Provenance: Former owner: Sloane, Sir Hans, Bibliographical Note: Copy note: Annotated on tp of first tract in volume: 'Tractatus hi ex Gronovii thesauro excerpti sunt' = These tracts are extracted from Gronovius's Thesaurus; Copy provenance: Inscr. on tp H.211, and 4, marks of Hans Sloane's collection, Class Number: 61(08), priref: 60419</t>
  </si>
  <si>
    <t>Jacobus Gronovius</t>
  </si>
  <si>
    <t>An Explanation of the Real Process of the ""Spontaneous Evolution of the FÅ“tus;"": With Some Remarks, Intended to Induce an Inquiry, Whether the Practice of Turning Be Not Too Generally Had Recourse to, in Arm-Presentations</t>
  </si>
  <si>
    <t>Hodges and M'Arthur</t>
  </si>
  <si>
    <t>Publication Statement: 1839, Illustrations: ill., Dimensions: 20, 40 cm, Bibliographical Note: Minns 389.; Text 3/Lucerne., Genre: Dance of death, Other Names: Wyl, Jakob von, Class Number: 7.045, priref: 8231</t>
  </si>
  <si>
    <t>John C. Douglas</t>
  </si>
  <si>
    <t>Externarvm et internarvm principalivm hvmani corporis partiuvm tabulÃ¦, atqve anatomicÃ¦ exercitationes observationesqve variae: novis, diversis, ac artificiosissimis figvris illvstratÃ¦, philosophis, medicis, in primis autem anatomico studio addictis summÃ¨ vtiles</t>
  </si>
  <si>
    <t>Gerlach, Dietrich</t>
  </si>
  <si>
    <t>Statement of Responsibility: A R.P. Ioanne Ciermans Soc. Iesu., Matheseos Professore., Publication Statement: Anno M.DC.L, Illustrations: ill. (copper-plate), Dimensions: 30 cm, General Note: Former shelfmark on fly-leaf verso: g underlined, Bibliographical Note: Printer's device on t.p; With additional engraved t.p; Colophon: 'Louanii: Apud Euerardum de VVitte, M.DC.XL'; Page unnumbered and unsigned., Collection: Dorchester, priref: 36332</t>
  </si>
  <si>
    <t>Volchero CoÃ¯ter</t>
  </si>
  <si>
    <t>The Medical Examiner and Record of Medical Science: New Series, No. 15, March 1846</t>
  </si>
  <si>
    <t>january 30, 1846</t>
  </si>
  <si>
    <t>January 30, 1846</t>
  </si>
  <si>
    <t>Statement of Responsibility: by George Beaumont, Dimensions: 22 cm, General Note: Includes index.; Spine lettered: Medico-legal tracts, 1., Bibliographical Note: Bibliography., Collection: UK Medical Heritage Library, Class Number: 340.6, Websites: &lt;a href=http://wellcomelibrary.org/player/b28269172""&gt;View online via the Wellcome Library&lt;/a&gt;; &lt;a href=""https://archive.org/details/rcplondon?&amp;and=b28269172""&gt;View online via the Internet Archive&lt;/a&gt;; &lt;a href=""https://ukmhl.historicaltexts.jisc.ac.uk/ukmhl-b28269172""&gt;View online via Jisc Historical Texts&lt;/a&gt;"", priref: 13827</t>
  </si>
  <si>
    <t>De animo libri iii, J. Perionio interprete, per N. Grouchium correcti &amp; emendati</t>
  </si>
  <si>
    <t>Dimensions: 23 cm, Bibliographical Note: MS. notes.; Bound with his De natura. 1565., Collection: Dorchester, priref: 35567</t>
  </si>
  <si>
    <t>Observations [On the Machine for Calculating and Printing Tables by Differences Invented by G. Scheutz] Addressed Toâ€¦ the Royal Society after the Delivery of the Medals</t>
  </si>
  <si>
    <t>Printed by Richard Clay</t>
  </si>
  <si>
    <t>Dimensions: 22 cm, priref: 2469</t>
  </si>
  <si>
    <t>Charles Babbage</t>
  </si>
  <si>
    <t>Tractatus de sententia et re jvdicata</t>
  </si>
  <si>
    <t>MDCXXVIII</t>
  </si>
  <si>
    <t>Rouilliana (ex off.); J. &amp; M. Prost</t>
  </si>
  <si>
    <t>Dimensions: 35 cm, Bibliographical Note: MS. notes in binding., Collection: Dorchester, priref: 40469</t>
  </si>
  <si>
    <t>Sigismundus Scaccia</t>
  </si>
  <si>
    <t>â€¦ De usu partium corporis humani libri decem &amp; septem â€¦</t>
  </si>
  <si>
    <t>Anno M. D. XLIII</t>
  </si>
  <si>
    <t>Wechel, Chrestien</t>
  </si>
  <si>
    <t>Dimensions: 31 cm, Provenance: Book-plate: Hale, Richard, Bibliographical Note: MS. notes, Class Number: 61, priref: 12593</t>
  </si>
  <si>
    <t>Relief from Accidental Death; or, Summary Instructions for the General Institution, Proposed in 1773 to Introduce â€¦ a Practice for Recovering Persons Who Meet with Accidents Producing Suddenly an Appearance of Death. Republished and Given Gratis by the Corporation of Derby</t>
  </si>
  <si>
    <t>Printed by J. Drewry</t>
  </si>
  <si>
    <t>Publication Statement: no date, Illustrations: ill., Dimensions: 17 cm, priref: 16859</t>
  </si>
  <si>
    <t>Alexander Johnson</t>
  </si>
  <si>
    <t>Judgement of the Judicial Committee of the Privy Council on the Appeals of the East India Company and Henry Thoby Prinsep V. M. A. D. Sombre, from the Prerogative Court of Canterbury; Delivered on the 1st July, 1856</t>
  </si>
  <si>
    <t>Corporate Author: Great Britain. Privy Council, Publication Statement: 1856?, Dimensions: 34 cm, Bibliographical Note: Bound with: Sombre, M.A.D. In the Prerogative Court of Canterbury. Dyce Sombre against Troup. 1856?, Class Number: 340.96, priref: 47374</t>
  </si>
  <si>
    <t>A Posologic Companion to the London Pharmacopoeia</t>
  </si>
  <si>
    <t>Dimensions: 14 cm, Bibliographical Note: Bound with St Bartholomew's Hospital. Pharmacopoeia... 1793.; MS. notes, Class Number: 615.11(42), priref: 26720</t>
  </si>
  <si>
    <t>Address to the Royal College of Physicians, March 24th, 1902</t>
  </si>
  <si>
    <t>Case of Idiopathic Tetanus</t>
  </si>
  <si>
    <t>Statement of Responsibility: By Philander Misaurus., Publication Statement: MDCCXXIV, Dimensions: 20 cm, Binding: XVIII calf with panel design. Blind tooled panels, inner panel with floral motifs rolled in blind. Outer panel with fleurons at each corner.; Autograph on pastedown: Henry Cavendish's copy; Book-stamp on title-page verso: H. Cavendish; Note on pastedown: Presented by the Wellcome Trust Dec. 1959, Provenance: XVIII calf with panel design. Blind tooled panels, inner panel with floral motifs rolled in blind. Outer panel with fleurons at each corner.; Autograph on pastedown: Henry Cavendish's copy; Book-stamp on title-page verso: H. Cavendish; Note on pastedown: Presented by the Wellcome Trust Dec. 1959, Bibliographical Note: First edition issued in 1699 under the pseudonum Philander Misiatrus; Philander Misaurus is a pseudonym; See also: Marten, John. A treatise of the gout ... 1738; Publication date changed by hand to 1724; Referenced: ESTC; T94197., Collection: Heberden, priref: 48030</t>
  </si>
  <si>
    <t>Sir John Sinclair</t>
  </si>
  <si>
    <t>The Harveian Oration, 1880. Delivered June 25th</t>
  </si>
  <si>
    <t>R. K. Burt &amp; Co.</t>
  </si>
  <si>
    <t>Statement of Responsibility: by Thomas B. Peacock, Illustrations: illustrations, tables, Dimensions: 23 cm, Series: Croonian lectures, Series Number: 1865, General Note: With half-title page., Bibliographical Note: Includes bibliographical references., Citation Note: Evan Bedford library 296, Collection: Evan Bedford, Genre: Lectures, priref: 24550</t>
  </si>
  <si>
    <t>John William Ogle</t>
  </si>
  <si>
    <t>Polygraphie et Vniverselle escriture cabalistique</t>
  </si>
  <si>
    <t>Kerver, Jacques</t>
  </si>
  <si>
    <t>Statement of Responsibility: de M.I. Tritheme Abbe ; traduicte par Gabriel de Collange, natif de Tours en Auuergne, Publication Statement: A Paris : pour Iaques Keruer demeurant en la rue saint Iaques, a l'enseign de la Licorne, 1561, Illustrations: woodcut illustrations, portrait, Dimensions: 25 cm (4to), Binding: Copy number 8088: 20th century rebind in full calf., Provenance: Copy number 8088: Roberts and Watson note has no mark of ownership and may not be Dee's, Series: but the title across and down the fore-edge is in a hand like his""."", Bibliographical Note: Printer's device on last page.; Errata printed in red and black on leaves 299v-300r.; Title page in woodcut border.; Woodcut head-pieces, tail-pieces and intials.; Some pages printed in red and black.; Format is quarto in 8s.; Separate title page but continuous foliation for 'Clavicule et interpretation sur le contenues liures de polygraphie &amp; vniverselle escriture Cabalistique / traduicte &amp; augmentee par Gabriel de Collange, natif de Tours en Auuergne' with same imprint (leaf 193).; 12 volvelles (leaves 252-273).; Copy number 8088: Dorchester number D18/16, Summary: Roberts and Watson, 359, Preservation Note: French, Collection: Scholar, courtier, magician : the lost library of John Dee, Other Names: Printers' devices; Errata lists; Edge titles; Printing in multiple colours; Woodcut illustrations; Tail-pieces; Volvelles, Class Number: Collange, Gabriel de (Translator); Dorchester, Henry Pierrepont, Marquis of, 1606-1680 (Donor); Dee, John, 1527-1608 (Former owner), Child: 41325</t>
  </si>
  <si>
    <t>Two dialogues in English â€¦ of the grounds of â€¦ laws [of England], and of conscience. [Anon.]. (Black letter)</t>
  </si>
  <si>
    <t>Streater, John</t>
  </si>
  <si>
    <t>Dimensions: 15 cm, Provenance: Autograph: ?Stony, J.V.; Book-plate: Watson, Robert, Bibliographical Note: Wing S316.; MS.notes., Class Number: 34, priref: 28013</t>
  </si>
  <si>
    <t>Sir Christopher Saint-Germain</t>
  </si>
  <si>
    <t>A General View of the Establishment of Physic as a Science in England, by the Incorporation of the College of Physicians, London: Together with an Inquiry into the Nature of That Incorporation. In Which It Is Demonstrated, That the Exclusion of All Physicians, Except the Graduates of Oxford and Cambridge, from the Corporate Privileges of the College, Is Founded in Usurpation, Being Contrary to the Letter and Spirit of Its Charter</t>
  </si>
  <si>
    <t>Publication Statement: printed by C. Whittingham for J. Johnson; and J. Cuthell, Dimensions: 22 cms, Binding Method: Hardback, Class Number: C9, priref: 36788</t>
  </si>
  <si>
    <t>Samuel Ferris</t>
  </si>
  <si>
    <t>The Annual Address Delivered to the Royal College of Physicians of London on Monday, 29 March, 1926</t>
  </si>
  <si>
    <t>29 March, 1926</t>
  </si>
  <si>
    <t>Harrison &amp; Sons, Ltd.</t>
  </si>
  <si>
    <t>Publication Statement: 1923-6, Dimensions: 21 cm, Binding Method: Hardback, Series: Royal College of Physicians of London. Presidential addresses, Bibliographical Note: 3 copies.; Check date, Class Number: C91, priref: 40147</t>
  </si>
  <si>
    <t>Sir Humphry Rolleston</t>
  </si>
  <si>
    <t>Oratio anniversaria, quam ex Harveii institutoâ€¦ ~MDCCLIX~ habuit Mark Akenside (Harveian Oration, 1759)</t>
  </si>
  <si>
    <t>MDCCLX</t>
  </si>
  <si>
    <t>R. and J. Dodsley</t>
  </si>
  <si>
    <t>Dimensions: 27, 25 cm, Series: Harveian oration, Series Number: 1759, General Note: 21440: No. 14 in a volume lettered 'Orationes Harveianae, 1744-74'; 21524: No. 2 in a volume lettered 'Orationes Harveianae, 1755-1809', Exhibition Note: Ceaseless motion: William Harvey's experiments in circulation, Class Number: C06.091.4, priref: 1892</t>
  </si>
  <si>
    <t>Mark Akenside</t>
  </si>
  <si>
    <t>Gl. Gal. De vsv partivm corporis hvmani, libri XVII</t>
  </si>
  <si>
    <t>Apud Gulielmum Rouillium</t>
  </si>
  <si>
    <t>Statement of Responsibility: Nicolao Regio Calabro interprete, ex plurium Graecorum exemplarium collatione castigatiores quam unquam alias ..., Publication Statement: Rollet, Philibert, 1495-1560,, Dimensions: 13 cm., Provenance: Autograph: Bernard, Francis; Book-plate: Rose, George, Bibliographical Note: Colophon: Lugduni, Excudebat Philibertus Rolletius; 'Gl.' in title is a typographical error for 'Claudius'.; Copy: MS. notes., Class Number: 61, priref: 12597</t>
  </si>
  <si>
    <t>-12.99494,40.56928</t>
  </si>
  <si>
    <t>, Rheginus Nicolaus</t>
  </si>
  <si>
    <t>Alexandri Sardi Ferrariensis, de moribus ac ritibus gentium libri III: nunc primum in lucem editi: quod opus quanta rerum uarietate refertum, quam [qÂ´ue] omnibus utile ac necessarium sit, sequens elenchus, &amp; auctoris proÅ“mium indicabunt</t>
  </si>
  <si>
    <t>Ziletti, Giordano, active 16th century</t>
  </si>
  <si>
    <t>Publication Statement: Venetiis : Ex officina StellÃ¦ Iordani Zilleti, 1557, Dimensions: 16 cm, Provenance: Copy 10627: Roberts and Watson note that this is unmarked but was probably Dee's., General Note: Copy 10627: Dorchester No. D147/6, Citation Note: Copy 10627: Roberts and Watson, 1060, Collection: John Dee; Dorchester, Other Names: Dorchester, Henry Pierrepont, Marquis of, 1606-1680 (Donor), priref: 40447</t>
  </si>
  <si>
    <t>Alessandro Sardi</t>
  </si>
  <si>
    <t>Le deusiesme livre de Claude Galien, intitule Lart curatoire a Glaucon, auquel est specialement traicte des differences dinflammation &amp; de leur cure</t>
  </si>
  <si>
    <t>chez Guilaume de Guelques, Libraire.</t>
  </si>
  <si>
    <t>Publication Statement: 1539, Dimensions: 16 cm, Bibliographical Note: Published 'vers le commencement de lâ€™annee 1539.' - Gerig, J. L., in Revue de la Renaissance, v. 9, 1908, p. 89; Edited by Etienne Dolet. Cf. Doletâ€™s epistle to Canappe in Galenâ€™s Le troisiesme-sixiesme, et tresiesme livre de La therapeutique, Lyon 1539; With this are bound: Galenus. Le troisiesme-sixiesme, et tresiesme livre de la Therapeutique. Lyon 1539 - Galenus. La quatorziesme livre de la Methode therapeutique. Lugduni, 1538; MS notes throughout., Summary: Contains: La protestation de Hippocrates., priref: 60728</t>
  </si>
  <si>
    <t xml:space="preserve">, Etienne Dolet, </t>
  </si>
  <si>
    <t>Le rÃ©gime des aliÃ©nÃ©s en Ã©cosse</t>
  </si>
  <si>
    <t>Septembre-Octobre 1910</t>
  </si>
  <si>
    <t>September-October, 1910</t>
  </si>
  <si>
    <t>Corporate Author: Worshipful Society of Apothecaries of London, Illustrations: illustrations, maps, photographs, Dimensions: 33 cm, Binding Method: Hardback, Class Number: 615(06), priref: 200005590</t>
  </si>
  <si>
    <t>Dr. Alexander Reid Urquhart</t>
  </si>
  <si>
    <t>VVitichindi Saxonis Rerum ab Henrico et Ottone I Impp. gestarum libri III: unÃ  cum alijs quibusdam raris &amp; antehac non lectis diuersorum autorum historijs, ab anno Salutis D. CCC. usq [ue] ad prÃ¦sentem Ã¦tatem: quorum catalogus proxima patebit pagina. Huc accessit rerum scitu dignarum copiosus index</t>
  </si>
  <si>
    <t>MDXXXII</t>
  </si>
  <si>
    <t>Herwagen, Johann, 1497-1559?</t>
  </si>
  <si>
    <t>Publication Statement: Basileae : Apud Io. Heruagium mense martio, anno M.D.XXXII, Dimensions: 31 cm, Provenance: Copy number 10672: Roberts and Watson note that it is Bound with Florus, Series: L.A. De gestis Romanorum. No name on title page but notes throughout, Series Number: one on 'proditio Hengisti' (p.2) signed 'J.D.'"", Citation Note: Copy number 10672: Dorchester number D 121/15, Summary: Bound with Florus, L.A. De gestis Romanorum. 1532., Exhibition Note: Latin, Other Names: Germany, Class Number: Annotations, Continues: Dee, John, 1527-1608 (Former owner); Dorchester, Henry Pierrepont, Marquis of, 1606-1680 (Donor), Parent: 41882</t>
  </si>
  <si>
    <t>Collectorvm medicinalivm libri xviiâ€¦</t>
  </si>
  <si>
    <t>P. Manutium (apud)</t>
  </si>
  <si>
    <t>Statement of Responsibility: J. B. Rasario interprete., Publication Statement: 1554 or 1555, Dimensions: 17 cm, Provenance: Autograph: Cisotti, Joannes, Bibliographical Note: 2 copies.; MS. notes in one copy. Verso of final leaf numbered 252. For note on date see Brunet., Class Number: 61, priref: 24346</t>
  </si>
  <si>
    <t>, Giovanni Battista Rasario</t>
  </si>
  <si>
    <t>D. m. de causo</t>
  </si>
  <si>
    <t>Augusti MDCLXIV</t>
  </si>
  <si>
    <t>August, 1664</t>
  </si>
  <si>
    <t>Publication Statement: 1664, Dimensions: 23cms, Bibliographical Note: Disputatio. M.Jacobi respondent., Other Names: Schenck, Johann Theodor (Praeses); Jacobi, Michael (Respondent), priref: 28771</t>
  </si>
  <si>
    <t>Oratio anniversaria â€¦ ex Harveii instituto, â€¦; MDCCXXXIX (Harveian Oration, 1739)</t>
  </si>
  <si>
    <t>imp. T. Woodward</t>
  </si>
  <si>
    <t>Dimensions: 22cm, Series: Harveian oration, Series Number: 1739, General Note: 21396-16: No. 23 in a vol. lettered: Orationes Harveianae, 1661-1743; 21402-7: No.7 in a volume lettered 'Orationes Harveianae, 1719-42'; 21416-10: No. 2 in a volume lettered 'Orationes Harveianae, 1738-48', Class Number: C06.091.4, priref: 24080</t>
  </si>
  <si>
    <t>Rudimenta prima latinae grammatices</t>
  </si>
  <si>
    <t>Estienne, Robert</t>
  </si>
  <si>
    <t>43.7774,7.49296</t>
  </si>
  <si>
    <t>Johannes Pellisso</t>
  </si>
  <si>
    <t>The Argument of Sulphur or No Sulphur in Waters Discussed: With a Comparison of the Waters of Aix-La-Chapelle, Bath and Bristol</t>
  </si>
  <si>
    <t>Mâ€™Culloh, Alexander</t>
  </si>
  <si>
    <t>Corporate Author: Royal Society (Great Britain), Dimensions: 21 cm, Bibliographical Note: 2 copies.; One copy Tr. 124(1)., Class Number: 0.25347222222, priref: 27245</t>
  </si>
  <si>
    <t>James Kennedy, , John Rutty</t>
  </si>
  <si>
    <t>Oratio panegyrica pro Musis Hanovicis instaurandis</t>
  </si>
  <si>
    <t>in typog. I. O.</t>
  </si>
  <si>
    <t>Dimensions: 19cms., Bibliographical Note: Wing P 355, priref: 26450</t>
  </si>
  <si>
    <t>Johann Philipp Pareus</t>
  </si>
  <si>
    <t>List of the Members, Associates, and Apprentices</t>
  </si>
  <si>
    <t>Publication Statement: 1865, Dimensions: 20 cm, Bibliographical Note: English text, parallel Canarese translation, priref: 25102</t>
  </si>
  <si>
    <t>Medical Etiquette</t>
  </si>
  <si>
    <t>Dimensions: 22 cm, Class Number: 614.253</t>
  </si>
  <si>
    <t>A General Description of Sir John Soane's Museum</t>
  </si>
  <si>
    <t>Shaw &amp; Sons</t>
  </si>
  <si>
    <t>Publication Statement: 1853?, Illustrations: ill., Dimensions: 18 cm, priref: 11936</t>
  </si>
  <si>
    <t>Propempticon inaugurale de commotionibus sanguinis et passivis, [cum vita candidati C. A. Richter]</t>
  </si>
  <si>
    <t>Corporate Author: British Guiana. Commission on Leprosy, Dimensions: 34 cm, Binding Method: Hardback, Class Number: C616-002.73, Holding Note: 20261: No.5 in a bound volume lettered 'Report on leprosy', priref: 4974, Parent: 42470</t>
  </si>
  <si>
    <t>Christian Albert Richter</t>
  </si>
  <si>
    <t>Heraldry and Medicine</t>
  </si>
  <si>
    <t>Statement of Responsibility: Frank Baker, Illustrations: illustrations, facsimiles, portraits, General Note: Photocopy, Class Number: 92 SYL, priref: 200000492</t>
  </si>
  <si>
    <t>Samuel Dodd Clippingdale</t>
  </si>
  <si>
    <t>Repertorium de mutatione aeris, tam via astrologica, quam metheorologica, â€¦</t>
  </si>
  <si>
    <t>MDXXXIX</t>
  </si>
  <si>
    <t>apud J. Kerver</t>
  </si>
  <si>
    <t>, Philippus Jollainus</t>
  </si>
  <si>
    <t>The Co-Operator, Nos 1-28,1828-30</t>
  </si>
  <si>
    <t>The Co-Operative Union Limited</t>
  </si>
  <si>
    <t>Statement of Responsibility: by D. Lloyd Roberts, Dimensions: 24 cm, Binding Method: Hardback, Provenance: Autograph: Roberts, David Lloyd; Donated by Dr H. Spencer, General Note: A lecture delivered at the Victoria University of Manchester before the members of the Manchester Dante Society""."", Collection: David Lloyd Roberts, Class Number: 92DAN, priref: 27362</t>
  </si>
  <si>
    <t>53.4807593,-2.2426305</t>
  </si>
  <si>
    <t>Dr. William King</t>
  </si>
  <si>
    <t>Contributions to the Pathology of Cholera, Embracing Its History, Modifications, Stages, and Treatment, as the Disease Appeared in the Bombay Presidency from 1818 to 1842</t>
  </si>
  <si>
    <t>Publication Statement: 1829, Dimensions: 22 cm, priref: 1754</t>
  </si>
  <si>
    <t>Experiments and Observations on the Action and Sounds of the Heart</t>
  </si>
  <si>
    <t>W. J. Rowley</t>
  </si>
  <si>
    <t>Publication Statement: 1853?, Dimensions: 22 cm, Provenance: Association: Barclay, Andrew Whyte, Class Number: 612.17, priref: 14455</t>
  </si>
  <si>
    <t>52.53529,-2.42404</t>
  </si>
  <si>
    <t>A Letter to the Fatal Triumvirate: In Answer to That Pretended to Be Written by Dr. Byfield: And Showing Reasons Why Dr. Woodward Should Take No Notice of It</t>
  </si>
  <si>
    <t>J. Bettenham</t>
  </si>
  <si>
    <t>Dimensions: 18 cm, Genre: Biographies, Class Number: 92 WOO, priref: 15515</t>
  </si>
  <si>
    <t>John Harris</t>
  </si>
  <si>
    <t>D. physica de ignibus lambentibus</t>
  </si>
  <si>
    <t>J. Z. Nisii (literis)</t>
  </si>
  <si>
    <t>Publication Statement: 1686, Dimensions: 21cms, Bibliographical Note: Dissertation. J.C.Vulpius respondent., Other Names: Posner, Caspar (Praeses); Vulpius, Joannes Christophorus (Respondent), priref: 25978</t>
  </si>
  <si>
    <t>Minutes of the Senate for the Year 1851</t>
  </si>
  <si>
    <t>January 1852</t>
  </si>
  <si>
    <t>Statement of Responsibility: compiled by W. A. Laurie, Dimensions: 21 cm, Bibliographical Note: Bibliography., Collection: UK Medical Heritage Library, Genre: Biographies, Class Number: 92 BUR, Websites: &lt;a href=http://wellcomelibrary.org/player/b28269858""&gt;View online via the Wellcome Library&lt;/a&gt;; &lt;a href=""https://archive.org/details/rcplondon?&amp;and=b28269858""&gt;View online via the Internet Archive&lt;/a&gt;; &lt;a href=""https://ukmhl.historicaltexts.jisc.ac.uk/ukmhl-b28269858""&gt;View online via Jisc Historical Texts&lt;/a&gt;"", priref: 18954</t>
  </si>
  <si>
    <t>Disputatio medica inauguralis de partu difficili â€¦</t>
  </si>
  <si>
    <t>MDCLXXV</t>
  </si>
  <si>
    <t>literis S. Krebsii</t>
  </si>
  <si>
    <t>Publication Statement: 1675, Dimensions: 20 cm, Other Names: Wedel, Georg Wolfgang (Praeses), priref: 19695</t>
  </si>
  <si>
    <t>Bernhard Lohner</t>
  </si>
  <si>
    <t>An Essay on the Use of the Atropa Belladonna, or Solanum Lethale, and the Solanum Hortenseâ€¦ in the Cure of Scirrhus, Cancer, Stricture and Various Other Complaints</t>
  </si>
  <si>
    <t>Printed for Callow &amp; Wilson</t>
  </si>
  <si>
    <t>Dimensions: 22 cm, priref: 3611</t>
  </si>
  <si>
    <t>Powell Charles Blackett</t>
  </si>
  <si>
    <t>Galenvs de ossibvs</t>
  </si>
  <si>
    <t>Stagnino, Bernardino,-1540</t>
  </si>
  <si>
    <t>[Strabonos Geographike biblioi 17] =: Strabonis Rerum geographicarum libri XVII</t>
  </si>
  <si>
    <t>MDLXXXVII</t>
  </si>
  <si>
    <t>Excudebat Eustathius Vignon Atrebat</t>
  </si>
  <si>
    <t>Dimensions: 36 cm, Collection: Dorchester, priref: 40615</t>
  </si>
  <si>
    <t>, Isaac Casaubon</t>
  </si>
  <si>
    <t>Latinae linguae dictionarium, sive, De Latinorum verborum omnium scientia liber: cum synonymorum contrariorumque explicatione: quae sic inscribuntur, Marii Nizolii Brixellensis observationes Latinorum verborum in opera M. T. Ciceronis, quae extant, omnia; Eiusdem Marii Nizolii libellus, in quo vocabula quaedam Barbara, vel Latina quidem, sed non Ciceroniana, quo pacto Ciceronis more ea dici possint elegantissime`, traduntur; Praeterea diversorum Ciceronis exemplarium collatio, ut in singulis locis inquirendis ea uti commodissime` liceat, adiecta est. Item Basilii Zanchi Appendix verborum, quae in hisce Marii Nizolii</t>
  </si>
  <si>
    <t>MDXLIIII</t>
  </si>
  <si>
    <t>Winter, Robert</t>
  </si>
  <si>
    <t>Publication Statement: Basileae : per Robertum Winter, anno Domini, 1544, Dimensions: 31 cm (fol.), Provenance: Copy 10695: Roberts and Watson note that 'something (a name?) is erased at the head of the titlepage. There is a note in Greek script 'Lakoniken' by Dee against col. 1590 and several notes by Nicholas Saunder'., General Note: Copy 10695: Dorchester No. D124/7, Citation Note: Copy 10695: Roberts and Watson, 248, Collection: John Dee; Dorchester, Genre: Dictionaries; Annotations, Other Names: Dee, John, 1527-1608 (Former owner); Saunder, Nicholas, 1563-1649 (Former owner); Dorchester, Henry Pierrepont, Marquis of, 1606-1680 (Donor), priref: 39169</t>
  </si>
  <si>
    <t>Mario Nizolio</t>
  </si>
  <si>
    <t>Remarks on the Physiological Effects of Strychnia, and the Woorali Poison</t>
  </si>
  <si>
    <t>Statement of Responsibility: by Benjamin Babington, Dimensions: 26 cm, Binding Method: Hardback, General Note: In Tamil and English.; Bio-bibliographical sketch of the author: p. iii-v., Collection: UK Medical Heritage Library, Other Names: Babington, B. G. (Benjamin Guy), 1794-1866 (Translator), Class Number: C08 BAB, Websites: &lt;a href=https://archive.org/details/rcplondon?&amp;and=b24975643""&gt;View online via the Internet Archive&lt;/a&gt;; &lt;a href=""http://wellcomelibrary.org/player/b24975643""&gt;View online via the Wellcome Library&lt;/a&gt;; &lt;a href=""https://ukmhl.historicaltexts.jisc.ac.uk/ukmhl-b24975643""&gt;View online via Jisc Historical Texts&lt;/a&gt;"", priref: 22407</t>
  </si>
  <si>
    <t>Frederick William Pavy</t>
  </si>
  <si>
    <t>M. Accii Plauti ComoediÃ¦ XX</t>
  </si>
  <si>
    <t>Herwagen, Johann</t>
  </si>
  <si>
    <t>Statement of Responsibility: diligente cura, &amp; singulari studio Ioachimi Camerarii Pabeperg, emendatius nunc quam ante unquam ab ullo, editae : adiectis etiam eiusdem ad singulas comoedias argumentis &amp; annotationibus ; accesserunt iam indicationes quoq; multorum quae ad lectionem fabularum Plauti nonnihil momenti afferre possunt, a Georgio Fabricio Chemnicensi collectae, Publication Statement: Basileae : Per Ioannem Heruagium &amp; Bernhardum Brand, 1558, Dimensions: 20 cm, Provenance: Copy number 10082: Roberts and Watson note has no marks but may be Dee's""."", General Note: Copy number 10082: Dorchester number D135/7, Citation Note: Roberts and Watson, 1110, Collection: John Dee; Dorchester, Other Names: Camerarius, Joachim, 1500-1574 (Editor); Fabricius, Georg, 1516-1571 (Editor); Dorchester, Henry Pierrepont, Marquis of, 1606-1680 (Donor), priref: 39614</t>
  </si>
  <si>
    <t>Titus Maccius Plautus</t>
  </si>
  <si>
    <t>Dv maniement et conduite de l'art et faictz militaires â€¦</t>
  </si>
  <si>
    <t>M.D.LXXI</t>
  </si>
  <si>
    <t>Chesneau, Nicolas, -1584</t>
  </si>
  <si>
    <t>Statement of Responsibility: faict en italien, par M. Bernardin Rocque, Placentin, &amp; mis en franÃ§ois, par Francoys de Belle-forest Comingeois, Publication Statement: Paris : Chez Nicolas Chesneau, 1571, Dimensions: 25 cm, Provenance: Copy 7675: Roberts and Watson note that it 'is probably not Dee's'., General Note: Copy 7675: Dorchester No. D21/9, Collection: John Dee; Dorchester, Other Names: Belle-Forest, Francois de (Translator); Dorchester, Henry Pierrepont, Marquis of, 1606-1680 (Donor), Images: CN 7675 - t.p., L'art et faictz militaires_Rocca, 1571, Thomas Milles cropped.jpg, priref: 40104</t>
  </si>
  <si>
    <t>Bernardin Rocque</t>
  </si>
  <si>
    <t>Oratio anniversaria, quam in theatro Collegii Regalis Medicorum Londinensium, ex Harveii instituto, festo divi LucÃ¦, anno 1765 (Harveian Oration, 1765)</t>
  </si>
  <si>
    <t>excudebat Guilielmus Bowyer</t>
  </si>
  <si>
    <t>Statement of Responsibility: habuit Tho. Healde ; notis quibusdam additis, Dimensions: 27, 23, 28 cm, Binding Method: Hardback, Series: Harveian oration, Series Number: 1765, General Note: 21440-15: No.18 in a volume lettered 'Orationes Harveianae, 1744-74'; 21521-4: No.3 in a volume lettered 'Orationes Harveianae, 1752-97'; 21531-3: No.2 in a volume lettered 'Orationes Harveianae, 1764-97', Genre: Addresses, Class Number: C06.091.4, priref: 14443</t>
  </si>
  <si>
    <t>Thomas Healde</t>
  </si>
  <si>
    <t>P. Cornelii Taciti Eqvitis Ro. Ab Excessv Avgvsti Annalivm Libri Sedecim</t>
  </si>
  <si>
    <t>Gryphivm, Sebastianus</t>
  </si>
  <si>
    <t>Statement of Responsibility: ex castigatione Aemylij Ferretti, Beati Rhenani, Alciati, ac Beroaldi, Dimensions: 18 cm (8vo), Binding: Copy number 10095: 19th-century marbled boards with 20th century rebind of spine in calf. No earlier flyleaves remain., Provenance: Copy number 10095: Roberts and Watson note that this is Dee's copy. 'Agricola is heavily annotated, as is book 12 of the Annales, relating to Britain. There are also notes by Nicholas Saunder'., General Note: Printer's device on title page.; Signatures: a^10 b-z^8, A-Z^8; Parts II and III of the edition of 'Annalium libri sedecim' are shelved at D1/21-b-7(2) and D1/21-b-7(1), copy number 10096; Copy 10095: Dorchester No. D136/4, Citation Note: Roberts and Watson, 824, Collection: John Dee; Dorchester, Genre: Printers' devices; Annotations, Other Names: Saunder, Nicholas, 1563-1649 (Former owner); Ferretti, Emilio, 1489-1552 (Editor); Rhenanus, Beatus, 1485-1547 (Editor); Alciati, Andrea, 1492-1550 (Editor); Beroald, Matthieu, -1576 (Editor); Dee, John, 1527-1608 (Former owner); Dorchester, Henry Pierrepont, Marquis of, 1606-1680 (Donor), priref: 41115</t>
  </si>
  <si>
    <t>Cornelius Tacitus</t>
  </si>
  <si>
    <t>Diophanti Alexandrini Arithmeticorum libri sex, et de numeris multangulis liber unus</t>
  </si>
  <si>
    <t>MDCXXI</t>
  </si>
  <si>
    <t>Sumptibus Hieronymi Drouart, via Iacobaea, sub scuto solari</t>
  </si>
  <si>
    <t>Statement of Responsibility: Nunc primum graece &amp; latine editi, atque absolutissimis commentariis illustrati, auctore Claudio Gaspare Bacheto., Publication Statement: M. DC. XXI, Illustrations: ill., Dimensions: 35 cm, Binding: Binding: Gold book-stamp depicting Henry Pierrepoint armorial (Marquis of Dorcherster), Provenance: Annotation on flyleaf verso: former shelfmark, 'gs underlined'; Label on pastedown: Pre-fire collection 'A2' label, Bibliographical Note: 6 books survive from the original 13; Title page in red and black; Engraved illustrations on t.p; Printer's head-pieces; Greek text and Latin (Xylander's translation) in parallel columns interspersed with Bachet's Latin commentary., Collection: Dorchester, Genre: Annotations; Labels, Other Names: Xylander, Wilhelm, 1532-1576 (Translator), priref: 36604</t>
  </si>
  <si>
    <t>Claude Gaspar Bachet, Alexandria Diophantus</t>
  </si>
  <si>
    <t>Summary of replies to interrogatories re leprosy prepared by the Leprosy Committee of the RCP</t>
  </si>
  <si>
    <t xml:space="preserve">Summary of replies to interrogatories re leprosy prepared by the Leprosy Committee of the RCP </t>
  </si>
  <si>
    <t>Pamphlet</t>
  </si>
  <si>
    <t>De re hortesi libellvs, vvlgaria herbarum, florum, ac fruticum, â€¦ nomina latinis vocibus efferre docens â€¦</t>
  </si>
  <si>
    <t>Estienne, Charles</t>
  </si>
  <si>
    <t>Dimensions: 17 cm, Bibliographical Note: This book was published anonymously., Class Number: 284.5, priref: 9635</t>
  </si>
  <si>
    <t>Charles Estienne</t>
  </si>
  <si>
    <t>Histories of the TÃªte-Ã€-TÃªte Annexed: Or, Memoirs of Sir William B [Rown] E and Lady G--Ston</t>
  </si>
  <si>
    <t>Dimensions: 21 cm, Genre: Biographies, Class Number: 92 BRO, priref: 15385</t>
  </si>
  <si>
    <t>Commentarii in octo Aristotelis Physicae auscultationis libros cum ipso Aristotelis textu</t>
  </si>
  <si>
    <t>[in aedibus Aldi]</t>
  </si>
  <si>
    <t>Publication Statement: 1526, Dimensions: 31 cm, Binding: Binding: PU, Bibliographical Note: With a table of readings in MS taken from an old MS. of the date of 1145; MS. notes throughout., Class Number: 1-ARIS, priref: 29812</t>
  </si>
  <si>
    <t>On AnÃ¦sthesia and AnÃ¦sthetic Substances Generally: Being an Experimental Inquiry into Their Nature, Properties, and Action, Their Comparative Value and Danger, and the Best Means of Counteracting the Effect of an over Dose</t>
  </si>
  <si>
    <t>Dimensions: 22 cm, priref: 22108</t>
  </si>
  <si>
    <t>Thomas Nunneley</t>
  </si>
  <si>
    <t>Medical Bookplates</t>
  </si>
  <si>
    <t>March, 1922</t>
  </si>
  <si>
    <t>Statement of Responsibility: by R. Miller Christy, Illustrations: portraits, Dimensions: 20 cm, General Note: Photocopy, Bibliographical Note: Bibliography, Genre: Biographies, Class Number: 92, priref: 200001162</t>
  </si>
  <si>
    <t>Morris Fishbein</t>
  </si>
  <si>
    <t>An Account of Some New Instruments for Tying Polypi of the Uterus, Nose, and Ear, and Enlarged Tonsils</t>
  </si>
  <si>
    <t>MDCCCXXXVIII</t>
  </si>
  <si>
    <t>Printed by C.Adlard</t>
  </si>
  <si>
    <t>Statement of Responsibility: by Leopold Gmelin ; translated by Henry Watts., Publication Statement: 1848-1872, Dimensions: 23 cm, Series: Cavendish Society, General Note: Translation from the German of Handbuch der Chemie.; With index., Bibliographical Note: Includes bibliographical references., Other Names: Watts, Henry, 1815-1884 (Translator), Class Number: 54, priref: 12454</t>
  </si>
  <si>
    <t>William Beaumont</t>
  </si>
  <si>
    <t>The Third Letter from W. J. To Rev. Dr. Wallis, upon the Subject of Two Former Letters to Him, Concerning the Sacred Trinity</t>
  </si>
  <si>
    <t>Corporate Author: Society for the Improvement of Medical and Chirurgical Knowledge, Publication Statement: 1793-1812, Illustrations: ill., charts, Dimensions: 22cm, Provenance: Autograph: Baillie, Matthew (1760-1823) (v.1-3), General Note: 2 copies of v.1 and v.2., Bibliographical Note: Index in every v., Other Names: Baillie, Matthew, 1761-1823 (Donor), priref: 29948</t>
  </si>
  <si>
    <t>Hints to a Physician, on the Opening of His Medical Career at Cheltenham</t>
  </si>
  <si>
    <t>F. Vigurs</t>
  </si>
  <si>
    <t>Dimensions: 22 cm, priref: 14028</t>
  </si>
  <si>
    <t>35.7486798,-96.6580726</t>
  </si>
  <si>
    <t>Historia Anglo-Scotica; Or, an Impartial History of All That Happened Between... England &amp; Scotland, From... William the Conqueror, To... Queen Elizabeth</t>
  </si>
  <si>
    <t>J. Hartley</t>
  </si>
  <si>
    <t>Dimensions: 20 cm, Bibliographical Note: Bibliog., Class Number: C08 DRA, priref: 9512</t>
  </si>
  <si>
    <t>James Drake</t>
  </si>
  <si>
    <t>Divi Iustini philosophi et martyris Christi operum, quae extant omnium</t>
  </si>
  <si>
    <t>Froben, Aurelius; Froben, Ambrosius</t>
  </si>
  <si>
    <t>Statement of Responsibility: cum ... interpretatione J. de Athon ...; a J.Chappuys recognita et adnotata, Publication Statement: 1504, Illustrations: ill., Dimensions: 28 cm, Provenance: Inscription on title page: 'â€˜Ex dono Johannis Moreman sacrae theologiae professoris in usum scripturae sanctae studiosorum ea lege ut a scholar in in sic scolarem transeat.â€™ Ownership inscription of John Moreman. See Elisabeth Leedham-Green, â€˜University libraries and book-sellersâ€™ in The Cambridge History of the Book in Britain, Volume 3, ed. by Lotte Hellinga and J. B. Trapp (Cambridge: CUP, 1999), pp. 325â€“6; Annotations at top of title page: 'W R' and numerous musical notes (minims) without staves, Collection: Dorchester, Genre: Annotations; Inscriptions, Other Names: Moreman, John, 1510-1554 (Former owner), Images: CN 7960 - Constitutiones legitime_Joannes, 1504.jpg, priref: 38254</t>
  </si>
  <si>
    <t>Saint Justin Martyr</t>
  </si>
  <si>
    <t>Experiments to Determine the Physiological Effects of Conium Maculatum</t>
  </si>
  <si>
    <t>July, 1845</t>
  </si>
  <si>
    <t>Lea &amp; Febiger</t>
  </si>
  <si>
    <t>Statement of Responsibility: par une socieÌteÌ de meÌdecins, de pharmaciens et de naturalistes Nicolas Alexandre, Publication Statement: A Paris : Chez J.-F. Bastien, an X 1802, Illustrations: ill., Dimensions: 20 cm, General Note: 2 vols. in 1 with continuous pagination, Collection: UK Medical Heritage Library, Genre: Dictionaries, Class Number: 615(03), Websites: &lt;a href=https://archive.org/details/rcplondon?&amp;and=b24906116""&gt;View online via the Internet Archive&lt;/a&gt;; &lt;a href=""http://wellcomelibrary.org/player/b24906116""&gt;View online via the Wellcome Library&lt;/a&gt;; &lt;a href=""https://ukmhl.historicaltexts.jisc.ac.uk/ukmhl-b24906116""&gt;View online via Jisc Historical Texts&lt;/a&gt;"", priref: 8856</t>
  </si>
  <si>
    <t>Pliny Earle</t>
  </si>
  <si>
    <t>Dissertationem medicam inauguralem de peste</t>
  </si>
  <si>
    <t>MDCLXXXI</t>
  </si>
  <si>
    <t>Nisianis (literis)</t>
  </si>
  <si>
    <t>Illustrations: portrait, Dimensions: 16 cm, Provenance: Autograph: Sieveking, A. Forbes, Bibliographical Note: Wing E3156.; One of the two issues of this book that were made in 1670., Other Names: Charleton, Walter (Translator), Class Number: C08 CHA, priref: 10230</t>
  </si>
  <si>
    <t>An hypotheses in rerum naturalium explicatione necessariae sint?</t>
  </si>
  <si>
    <t>Publication Statement: 168?, Dimensions: 20cms., Bibliographical Note: T.-p. wanting; Author unidentified; C.Bartholinus the younger?; MS. notes, priref: 16876</t>
  </si>
  <si>
    <t>Caspar Bartholinus</t>
  </si>
  <si>
    <t>The Statistics of Disease among the Pauper Population of England and Wales</t>
  </si>
  <si>
    <t>Corporate Author: Epidemiological Society of London, Illustrations: charts, Dimensions: 22 cm, General Note: Two Addresses from the Society to C.P. Villiers, M.P., President of the Poor Law Board, issued in 1861 and 1863, Class Number: 314, priref: 10063</t>
  </si>
  <si>
    <t>Some Observations on the Present Epidemic Dysentery</t>
  </si>
  <si>
    <t>MDCCLXXXI</t>
  </si>
  <si>
    <t>R. Baldwin</t>
  </si>
  <si>
    <t>Dimensions: 22 cm, priref: 11866</t>
  </si>
  <si>
    <t>Francis Geach</t>
  </si>
  <si>
    <t>Report of the Annual Meeting of the London Mesmeric Infirmary, 36 Weymouth Street, Portland Place, Held in Willis's Rooms, King Street, St. James's on Saturday the 20th of June, 1857</t>
  </si>
  <si>
    <t>Sir I. N. 's Account of the Ã†ther; with Some Additions by Way of Appendix, by B. R [Obinson]</t>
  </si>
  <si>
    <t>G. and A. Ewing</t>
  </si>
  <si>
    <t>Illustrations: ill., Dimensions: 21 cm, Provenance: Book-plate: Roberts, David Lloyd, Bibliographical Note: MS. Notes, Collection: David Lloyd Roberts, Class Number: 53, priref: 24031</t>
  </si>
  <si>
    <t>Isaac Newton, Bryan Robinson</t>
  </si>
  <si>
    <t>Opera omnia, qvae hactenvs extant, tribvs tomis distincta</t>
  </si>
  <si>
    <t>S. Feierabend (imp.)</t>
  </si>
  <si>
    <t>Dimensions: 20 cm, Collection: Dorchester, priref: 36437</t>
  </si>
  <si>
    <t>Diego de Covarruvias y Leyva</t>
  </si>
  <si>
    <t>History of the Royal College of Surgeons in Ireland and of the Irish Schools of Medicine</t>
  </si>
  <si>
    <t>Fannin and Company</t>
  </si>
  <si>
    <t>Statement of Responsibility: by Sir Charles A. Cameron, Illustrations: illustrations, portraits, Dimensions: 23 cm, Binding Method: Hardback, General Note: Includes a medical bibliography and a medical biography, Bibliographical Note: Medical bibliography, Genre: Bibliographies; Biographies, Class Number: 61(06)(415), priref: 5843</t>
  </si>
  <si>
    <t>Sir Charles Alexander Cameron</t>
  </si>
  <si>
    <t>A Short Account of the Life of the Right Honourable Sir Joseph Banks, K. B</t>
  </si>
  <si>
    <t>Archibald Constable &amp; Co.</t>
  </si>
  <si>
    <t>Dimensions: 26 cm, Bibliographical Note: Dissertation, priref: 8539</t>
  </si>
  <si>
    <t>Andrew Duncan</t>
  </si>
  <si>
    <t>Praecipuarum controversiarum Arist. et Platonis conciliatio: opus div desderatum, et Ã  veribus, ac recentioribus pollicitum non tamen absolutum</t>
  </si>
  <si>
    <t>Bindoni, Francesco; Bindoni, Gaspare</t>
  </si>
  <si>
    <t>Statement of Responsibility: authore sacrae theologiae magistro Gabriele Buratello ... cum rerum omnium memorabilium indice locupletissimo, Publication Statement: Venetijs : Apud Franciscum, Gasparem Bindonum &amp; Fratres, 1573, Dimensions: 16 cm, Provenance: Copy 10484: Roberts and Watson note that, although with no notes, it 'is probably Dee's. The binding has the blind-stamped shield commonly found on his books'., General Note: Copy 10484: Dorchester No. D149/7, Citation Note: Copy 10484: Roberts and Watson, 850, Collection: John Dee; Dorchester, Genre: Blind tooled bindings, Other Names: Dorchester, Henry Pierrepont, Marquis of, 1606-1680 (Donor), priref: 36089</t>
  </si>
  <si>
    <t>Gabriel Buratellus</t>
  </si>
  <si>
    <t>William Harvey, Obstetric Physician and Gynaecologist (Harveian Oration, 1921)</t>
  </si>
  <si>
    <t>Statement of Responsibility: by Herbert R. Spencer, Illustrations: illustrations, portrait, Dimensions: 22 cm, Binding Method: Hardback, Series: Harveian oration, Series Number: 1921, Bibliographical Note: Bibliography, Genre: Lectures, Class Number: C06.091.4, priref: 30449</t>
  </si>
  <si>
    <t>Herbert Ritchie Spencer</t>
  </si>
  <si>
    <t>Sophoclis Tragoediae septem</t>
  </si>
  <si>
    <t>Oporinus,Joannes</t>
  </si>
  <si>
    <t>Statement of Responsibility: Latino carmine redditae, &amp; annotationibus illustratae per Thomam Naogeorgum Straubingensem .. ; collectae sunt etiam gnoÌ„mai, dictaque prouerbialia ex bisce tragoedijs, per eudem, adque finem operis adiectae GraeceÌ€ &amp; LatineÌ€, Publication Statement: Basileae : Per Ioannem Oporinum, 1558, Dimensions: 17 cm, Provenance: Copy number 9967: Roberts and Watson note has no marks other than the extensive underlining of the 'Senteniae'; it is probably Dee's""."", General Note: Copy number 9967: Dorchester number D137/9, Citation Note: Roberts and Watson, 1116, Collection: John Dee; Dorchester, Genre: Annotations, Other Names: Dee, John, 1527-1608 (Former owner); Dorchester, Henry Pierrepont, Marquis of, 1606-1680 (Donor); Naogeorg, Thomas, 1511-1563 (Editor), priref: 40867</t>
  </si>
  <si>
    <t>L. Flori De gestis Romanorvm libri qvatvor</t>
  </si>
  <si>
    <t>Statement of Responsibility: mendis accuratissime repurgati, unaÌ€ cum adnotationibus Io. Camertis, quÃ¦ commentarij uice in omnem Romanam historiam esse possunt. Ad haec, Sexti Ruffi viri consularis De historia Ro. epitome multo quaÌ€m antehac emaculatior. Item, Messalae Coruini oratoris disertissimi De progenie Augusti Caes. libellus, nunc primum excusus, Publication Statement: Basileae : Apud Io. Hervagium Mense Martio, Anno 1532, Dimensions: 31 cm, Provenance: Copy number 10672: Roberts and Watson note that the item is unsigned but is lightly annotated by him throughout. Bound in contemporary calf."""", General Note: Copy number 10672: Dorchester number D 121/15, Citation Note: Roberts and Watson, 172, Exhibition Note: Scholar, courtier, magician : the lost library of John Dee, Collection: John Dee; Dorchester, Genre: Annotations; Calf bindings, Other Names: Dee, John, 1527-1608 (Former owner); Dorchester, Henry Pierrepont, Marquis of, 1606-1680 (Donor), priref: 36868</t>
  </si>
  <si>
    <t>Lucius Annaeus Florus, Joannes Camers, Sextus Rufus, Marcus Valerius Messalla Corvinus</t>
  </si>
  <si>
    <t>Premier livre de l'histoire de la navigation avx Indes Orientales, par les Hollandois, et des choses a evx advenues: ensemble les conditions, les mevrs, et manieres de vivre des nations, par eux abordees. Plus le monnoyes, espices, drogues, &amp; marchandises, &amp; le pris d'icelles. Davantages les decouvremens &amp; apparences, situations, &amp; costes maritimes des contrees; avec levray pourtraict au vif des habitans: le tout par plusieurs figures illustre: tresrecreatif a lire a tous navigans &amp; amateurs des navigations lointaines, es terres estrangeres</t>
  </si>
  <si>
    <t>par Cornille Nicolas, sur l'eaue, au livre a Ã©crir</t>
  </si>
  <si>
    <t>Statement of Responsibility: Par G.M.A.VV.L. i.e. Willem Lodewijcksz, Publication Statement: Anno 1598, Illustrations: ill., Dimensions: 32 cm, Provenance: Annotations on fly-leaf rector and title-page: 'R~224~'; 'U' Former shelfmarks?; Autograph on title-page: unidentified; Annotations: Doodles and unreadable hand throughout, Bibliographical Note: T.p. engraved with atlas; Running title: 'Premier livre de la navigation de l'Inde orientale'; Published in 1601: 'Le Second livre. Journal ou comptoir contenant le vray discours et narration historique du voiage faict par les huict navires d'Amsterdam au mois de mars l'an 1598 soubs la conduitte de l'admiral Jaques Corneille Necq, &amp; du vice-admiral Wibrant de Warwicq...'; Referenced: Adams, L1397., Collection: Dorchester, Genre: Illegible markings; Annotations, Images: CN 7985 - Premier livre de l'histoire_Lodewijcksz, 1598.JPG, priref: 38491</t>
  </si>
  <si>
    <t>52.356702,4.872749</t>
  </si>
  <si>
    <t>Sir William Osler at Oxford</t>
  </si>
  <si>
    <t>Chiswick Press</t>
  </si>
  <si>
    <t>Statement of Responsibility: notes by Sir D'Arcy Power, Corporate Author: Royal Society of Medicine. Historical Section, Publication Statement: published for the Historical Section of the Royal Society of Medicine by Humphrey Milford, Illustrations: ill., ports., Dimensions: 33 cm, General Note: Another copy shelved at Bedford 138; inserted : Keynes' criticism of this book, extr. from Brit.med.J., vol.2, Nov. 1944, pp. 669-70., Bibliographical Note: Includes bibliographical references., Citation Note: Evan Bedford library 138, Collection: Evan Bedford; UK Medical Heritage Library, Genre: Biographies, Class Number: 92 HAR, Websites: &lt;a href=http://wellcomelibrary.org/player/b28036578""&gt;View online via the Wellcome Library&lt;/a&gt;; &lt;a href=""http://wellcomelibrary.org/player/b28036578""&gt;View online via the Wellcome Library&lt;/a&gt;; &lt;a href=""https://archive.org/details/rcplondon?&amp;and=b28036578""&gt;View online via the Internet Archive&lt;/a&gt;; &lt;a href=""https://archive.org/details/rcplondon?&amp;and=b28036578""&gt;View online via the Internet Archive&lt;/a&gt;; &lt;a href=""https://ukmhl.historicaltexts.jisc.ac.uk/ukmhl-b28036578""&gt;View online via Jisc Historical Texts&lt;/a&gt;; &lt;a href=""https://ukmhl.historicaltexts.jisc.ac.uk/ukmhl-b28036578""&gt;View online via Jisc Historical Texts&lt;/a&gt;"", priref: 27567</t>
  </si>
  <si>
    <t>Archibald Thomas Malloch</t>
  </si>
  <si>
    <t>Gli ornamenti delle donne</t>
  </si>
  <si>
    <t>Valgrisio, Giouanni</t>
  </si>
  <si>
    <t>Statement of Responsibility: scritti per M. Giovanni Marinello. Et diuisi in quattro libri, con due tauole, una de'capitoli, e l'altra d'alcune cose particolari. Opera utile, &amp; necessaria ad ogni gentile persona. Con privilegio, Publication Statement: In Venetia : Appresso Giouanni Valgrisio, al Segno della Vittoria. 1574, Dimensions: 16 cm (8vo), Provenance: Copy number 9938: Roberts and Watson note that this item is similar to copy number 9129 (Marinello, Le medicine partenenti alle infermita delle donne, 1574), and is almost certainly Dee's""."", General Note: Copy number 9938: Dorchester number D137/15, Citation Note: Roberts and Watson, 858, Collection: John Dee; Dorchester, Other Names: Dee, John, 1527-1608 (Former owner); Dorchester, Henry Pierrepont, Marquis of, 1606-1680 (Donor), priref: 38690</t>
  </si>
  <si>
    <t>Giovanni Marinello</t>
  </si>
  <si>
    <t>Report of the Annual Meeting of the London Mesmeric Infirmary, 36 Weymouth Street, Portland Place, Held at Willis's Rooms, King Street, St. James's on Friday, the 11th of June, 1858</t>
  </si>
  <si>
    <t>Prolusio d. i. de incontinentia urinae praemissa in qua de origine urinae agitur, [cum vita candidati J. C. Brave]</t>
  </si>
  <si>
    <t>Mulleriano (stanno)</t>
  </si>
  <si>
    <t>Publication Statement: 1689, Dimensions: 20 cms, Bibliographical Note: Dissertation. J.Eichel proponent.; Check date, Other Names: Wedel, Georg Wolfgang (Praeses); Eichel, Johannes (Proponent), priref: 33900</t>
  </si>
  <si>
    <t>Two Memoirs on the Organization of the Iris, and on Artificial Pupils; Translated from the French Ms. By T. Young</t>
  </si>
  <si>
    <t>Printed by W.Thorne</t>
  </si>
  <si>
    <t>Dimensions: 22 cm, Bibliographical Note: Bibliography, priref: 20096</t>
  </si>
  <si>
    <t>Jean Pierre Maunoir</t>
  </si>
  <si>
    <t>Erotema physicum an &amp; quomodo sol calefaciat?</t>
  </si>
  <si>
    <t>MDCLXXXIV</t>
  </si>
  <si>
    <t>imprimebat M. Henckelius</t>
  </si>
  <si>
    <t>Dimensions: 20 cm, priref: 9748</t>
  </si>
  <si>
    <t>D. m. casum aegri hernia laborantis exhibens</t>
  </si>
  <si>
    <t>Septembr 1684</t>
  </si>
  <si>
    <t>September, 1684</t>
  </si>
  <si>
    <t>Statement of Responsibility: by William Turnbull, Publication Statement: printed for J. Johnson, Illustrations: illus., Dimensions: 27 cm, General Note: Plates missing., priref: 32180</t>
  </si>
  <si>
    <t>Gvidivbaldi e Marchinonibvs Montis Perspectivae libri sex</t>
  </si>
  <si>
    <t>Apud Hieronymum Concordiam</t>
  </si>
  <si>
    <t>Publication Statement: M. DC., Illustrations: ill. (woodcuts), Dimensions: 29 cm, Provenance: Annotation on title-page and fly-leaf recto: 'Y-176' Former shelfmark?; Initials on title-page, next to imprint: 'HO', Bibliographical Note: Errata p. 311; T.p. and text encased in line frame; Title vignette; initials., Summary: Other titles: Guidiubaldi e Marchinonibus Montis Perspectivae libri sex, Collection: Dorchester, Genre: Annotations; Initials, priref: 39059</t>
  </si>
  <si>
    <t>43.90121,12.895</t>
  </si>
  <si>
    <t>Guido Ubaldo Monte</t>
  </si>
  <si>
    <t>D.m.i. de cynanche tracheali</t>
  </si>
  <si>
    <t>Publication Statement: 1844, Illustrations: Illus, Dimensions: 29cms, Bibliographical Note: Rep. from Acta Acad. Caes.Leop.Card.Nat.cur. vol.21, 1844, pp.251-74., priref: 29561</t>
  </si>
  <si>
    <t>John Stewart</t>
  </si>
  <si>
    <t>Cerebri anatome: cui accessit Nervorum descriptio et usus</t>
  </si>
  <si>
    <t>Fletcher, Thomas, active 1677-1686; Martyn, John, fl. 1649-1680; Allestry, James,-1670</t>
  </si>
  <si>
    <t>Dimensions: 15 cm, Provenance: Autograph: Wray, John (in Essex), Bibliographical Note: Bibliog.; Wing R383.; Keynes 1.; Half-title wanting., Class Number: 58, priref: 34288, Child: 34289</t>
  </si>
  <si>
    <t>ThomÃ¦ Willis</t>
  </si>
  <si>
    <t>Notice of the Late Dr Abercrombie</t>
  </si>
  <si>
    <t>December 1844</t>
  </si>
  <si>
    <t>December, 1844</t>
  </si>
  <si>
    <t>Statement of Responsibility: par J. Clarion, Dimensions: 20 cm, General Note: Title page gives: An XI - 1803., Collection: UK Medical Heritage Library, Websites: &lt;a href=http://wellcomelibrary.org/player/b28519334""&gt;View online via the Wellcome Library&lt;/a&gt;; &lt;a href=""https://archive.org/details/rcplondon?&amp;and=b28519334""&gt;View online via the Internet Archive&lt;/a&gt;; &lt;a href=""https://ukmhl.historicaltexts.jisc.ac.uk/ukmhl-b28519334""&gt;View online via Jisc Historical Texts&lt;/a&gt;"", priref: 6632</t>
  </si>
  <si>
    <t>John Rose Cormack</t>
  </si>
  <si>
    <t>Petri Castellani, in Academia Lovianiensi Graecarvm Literarvm at Medicinae Professoris Regii, [Kreophagia] Sive De Esv Carnivm Libri IV</t>
  </si>
  <si>
    <t>Publication Statement: M.DC.XLVI, Collection: Dorchester, priref: 59685</t>
  </si>
  <si>
    <t>Pierre Du Chastel, Jacobus Gronovius</t>
  </si>
  <si>
    <t>Disputatio medica inauguralis de hysteria â€¦</t>
  </si>
  <si>
    <t>Balfour, Auld, et Smellie (apud)</t>
  </si>
  <si>
    <t>Dimensions: 20 cm, priref: 5510</t>
  </si>
  <si>
    <t>Isaac Chanler</t>
  </si>
  <si>
    <t>Cosmographie de Levant</t>
  </si>
  <si>
    <t>MDLIIII</t>
  </si>
  <si>
    <t>Tournes, Jean de; Gazeau, Guillaume</t>
  </si>
  <si>
    <t>Statement of Responsibility: par F. AndrÃ© Theuet d'Angoulesme, Publication Statement: A Lyon : par Ian de Tournes et Guil. Gazeau., M. D. LIIII, Illustrations: woodcut illustrations, Dimensions: 23 cm (4to), Provenance: Copy 7720: former shelf-mark on upper flyleaf: 'A2-131'.; Copy 7720: Roberts and Watson note that it is 'signed Joannes Dee 1557. 20 Januarij. Lon &lt; &gt;""(cropped)...there are no notes'."", General Note: Printer's device on title page.; Errata on third page from end.; Copy 7720: Dorchester No. D23/16, Citation Note: Copy 7720: Roberts and Watson, 346, Collection: John Dee; Dorchester, Genre: Woodcut illustrations; Printers' devices; Errata lists; Shelf marks; Autographs, Other Names: Dee, John, 1527-1608 (Former owner); Dorchester, Henry Pierrepont, Marquis of, 1606-1680 (Donor), priref: 41170</t>
  </si>
  <si>
    <t>A Case of Acute Epidemic Bronchitis in an Infant Thirteen Days Old: Impending Suffocation: An Unusual Practice Followed by Success</t>
  </si>
  <si>
    <t>Jan. 17, 1850</t>
  </si>
  <si>
    <t>January 17, 1850</t>
  </si>
  <si>
    <t>Statement of Responsibility: By John Houston, Corporate Author: Royal College of Surgeons in Ireland, Publication Statement: 1834-40, Dimensions: 24 cm, Collection: UK Medical Heritage Library, Genre: Museum catalogues, Class Number: 61(069.538), Websites: &lt;a href=https://archive.org/details/rcplondon?&amp;and=b24758000""&gt;View online via the Internet Archive&lt;/a&gt;; &lt;a href=""http://wellcomelibrary.org/player/b24758000""&gt;View online via the Wellcome Library&lt;/a&gt;; &lt;a href=""https://ukmhl.historicaltexts.jisc.ac.uk/ukmhl-b24758000""&gt;View online via Jisc Historical Texts&lt;/a&gt;; &lt;a href=""https://ukmhl.historicaltexts.jisc.ac.uk/ukmhl-b24758000""&gt;View online via Jisc Historical Texts&lt;/a&gt;"", priref: 26918</t>
  </si>
  <si>
    <t>Richard Radford Robinson</t>
  </si>
  <si>
    <t>Disputationem inauguralem de diarrhoea</t>
  </si>
  <si>
    <t>Novembris MDCLXXIII</t>
  </si>
  <si>
    <t>November, 1673</t>
  </si>
  <si>
    <t>Dimensions: 22 cm, Bibliographical Note: Wing D1621.; Pages 1-2 of Part Two are missing., priref: 8976</t>
  </si>
  <si>
    <t>August Michael Dormer</t>
  </si>
  <si>
    <t>Fall von penetrirender Herzwunde</t>
  </si>
  <si>
    <t>1. November 1851</t>
  </si>
  <si>
    <t>November 1, 1851</t>
  </si>
  <si>
    <t>Illustrations: maps, plates, Dimensions: 22 cm, General Note: Bound in volume lettered: Medico-legal tracts, 4., Class Number: 340.6, priref: 18168</t>
  </si>
  <si>
    <t>Moritz L. Landsberg</t>
  </si>
  <si>
    <t>Dictionarium historicum ac poeticum, omnia gentium, hominum, deorumâ€¦ ad sacras &amp; profanas historias poetarumque fabulas intelligendas necessaria, vocabula, optimo ordine complectensâ€¦ novissime auctum, nitidiusque redditum virorum doctorum cura ac diligentiaâ€¦</t>
  </si>
  <si>
    <t>Gallus, Hercule</t>
  </si>
  <si>
    <t>Publication Statement: Lugduni : apud Herculem Gallum, 1579, Dimensions: 25 cm (fol.), Provenance: Copy 10407: Roberts and Watson note 'by Charles Estienne...has no markings but may be Dee's'., General Note: Copy 10407: Dorchester No. D129/6, Citation Note: Copy 10407: Roberts and Watson, 2019, Collection: John Dee; Dorchester, Genre: Dictionaries, Other Names: Dorchester, Henry Pierrepont, Marquis of, 1606-1680 (Donor), priref: 36585</t>
  </si>
  <si>
    <t>Grand art d'artillerie</t>
  </si>
  <si>
    <t>Apud Ioannem Ianssonium</t>
  </si>
  <si>
    <t>Statement of Responsibility: par le sieur Casimir Siemienowicz chevalier Litvanien ... ; mise en francois par Piere Noizet., Publication Statement: MDCLI, Illustrations: ill., Dimensions: 33 cm, Binding: Binding: XVII c. mottled brown calf on board. Gold tooled panels, with gold stamped floral motifs on each edge of smaller panel., Provenance: Annotation: Former shelfmark on final flyleaf verso, gt underlined - y, Bibliographical Note: Half-title page: 'Du grand art d'artillerie partie premiere'; Engraved t.p., the same used in the latin ed. from1650 (c.f. BNF catalogue)., Collection: Dorchester, Genre: Annotations, Other Names: Noizet, Pierre (Translator), priref: 40706</t>
  </si>
  <si>
    <t>Casimir Siemienowicz</t>
  </si>
  <si>
    <t>Plague and Pestilence in Literature and Art</t>
  </si>
  <si>
    <t>Oxford University Press</t>
  </si>
  <si>
    <t>Statement of Responsibility: by Raymond Crawfurd, Illustrations: illustrations, facsimiles, Dimensions: 24 cm, Binding Method: Hardback, Series: FitzPatrick lectures, Series Number: 1912, General Note: This volume represents the FitzPatrick lectures delivered at the Royal College of Physicians in 1912, Bibliographical Note: Bibliography, Genre: Lectures, Class Number: C042, priref: 7727</t>
  </si>
  <si>
    <t>Les illustrations de Gaule et singularitez de Troye</t>
  </si>
  <si>
    <t>MDXLIX</t>
  </si>
  <si>
    <t>Tournes, Jean de</t>
  </si>
  <si>
    <t>Statement of Responsibility: par Maistre Iean le Maire de Belges. Auec La couronne Margaritique, &amp; plusieurs autres oeuures de luy, non iamais encore imprimees. Le tout reueu &amp; fidelement restituÃ© par Maistre Antoine du Moulin Masconnois, valet de chambre de la Royne de Nauarre, Publication Statement: A Lyon : par Iean de Tournes, M. D. XLIX, Dimensions: 35 cm, Binding: 19th century gold-tooled red Morocco binding., Provenance: Copy number 10718: Roberts and Watson note that 'it has Nich: Saunder"" at the foot of the title page, Series: underlinings, Series Number: a note by Dee on p.266, Series ISSN: and copious notes on pp. 287-289, Subseries: including some on Brutus'."", Exhibition Note: Roberts and Watson, 72, Continues: France; Troy; Venice, Continued by: Annotations; Woodcut illustrations; Morocco bindings; Gold tooled bindings, Websites: Dee, John, 1527-1608 (Former owner); Dorchester, Henry Pierrepont, Marquis of, 1606-1680 (Donor); Saunder, Nicholas, 1563-1649 (Former owner); Du Moulin, Antoine, approximately 1510- (Editor), E-ISBN: 38409</t>
  </si>
  <si>
    <t>Jean Lemaire de Belges</t>
  </si>
  <si>
    <t>Johannis Freind, M.D. Serenissimae reginae Carolinae archiatri, opera omnia medica</t>
  </si>
  <si>
    <t>Typis Johannis Wright. Impensis Gul. Innys, Ric. Manby Regiae Societatis Typographorum, &amp; L. Gilliver in Vico voc. Fleetstreet</t>
  </si>
  <si>
    <t>Publication Statement: 1733-6, Illustrations: Port, Dimensions: 40 cm, Provenance: Book-plate: Hale, Richard, Class Number: 473, priref: 9373</t>
  </si>
  <si>
    <t>John Freind</t>
  </si>
  <si>
    <t>Consvetvdines Dvcatvs BvrgvndiÃ¦ fereqve totivs Galliae: commentariis â€¦ illustratÃ¦ â€¦ ; ex vltima auctoris recognitione</t>
  </si>
  <si>
    <t>MDCXVI</t>
  </si>
  <si>
    <t>S. Crispini (sumpt.)</t>
  </si>
  <si>
    <t>Dimensions: 34 cm, Bibliographical Note: MS. notes in binding., Collection: Dorchester, priref: 36291</t>
  </si>
  <si>
    <t>Barthelemi de Chasseneux</t>
  </si>
  <si>
    <t>An Introductory Lecture Delivered at King's College, London, 1853</t>
  </si>
  <si>
    <t>Printed by W. Clowes and Sons</t>
  </si>
  <si>
    <t>Dimensions: 22 cm, priref: 13227</t>
  </si>
  <si>
    <t>[Galenou 1[-5]] = Galeni librorum pars prima[-quinta], quorum indicem VIII. pagina continet</t>
  </si>
  <si>
    <t>MDXXV</t>
  </si>
  <si>
    <t>[Galenou 1 [-5]] = Galeni librorum pars prima [-quinta], quorum indicem VIII. pagina continet</t>
  </si>
  <si>
    <t>[Kl. Ptolemaiou Megales syntaxeos bibl. 13. Theonos Alexandreos Eis ta auta hypomnematon bibl. 11] =: Claudii Ptolemaei Magnae constructionis, id est Perfectae coelestium motuum pertractationis, lib. XIII. Theonis Alexandrini in eosdem Commentariorum lib. XI</t>
  </si>
  <si>
    <t>Apud Ioannem VValderum</t>
  </si>
  <si>
    <t>Dimensions: 13 cm, Collection: Dorchester, priref: 39543</t>
  </si>
  <si>
    <t xml:space="preserve">, </t>
  </si>
  <si>
    <t>Cvrsvs philosophicvs</t>
  </si>
  <si>
    <t>MDCXXXVII</t>
  </si>
  <si>
    <t>J. Qvenel (apud)</t>
  </si>
  <si>
    <t>Dimensions: 36 cm, Provenance: Autograph: Henry Pierrepont Dorchester; Annotations: unidentified, Collection: Dorchester, Genre: Autographs; Annotations, Other Names: Dorchester, Henry Pierrepont, Marquis of, 1606-1680, priref: 35613</t>
  </si>
  <si>
    <t>Rodericus de Arriaga</t>
  </si>
  <si>
    <t>The Case of John Ferguson of Argyleshire, â€¦ Who Hath Lived above Eighteen Years Only on Water, Whey, or Barley-Water â€¦</t>
  </si>
  <si>
    <t>W. Reason</t>
  </si>
  <si>
    <t>Publication Statement: 1704, Dimensions: 23 cms, Bibliographical Note: Disputatio., Other Names: Stahl, Georg Ernst (Praeses); Coberus, Joachimus (Respondent), priref: 30367</t>
  </si>
  <si>
    <t>Thomas Umfreville</t>
  </si>
  <si>
    <t>A Reply to Certain Statements Contained in the Third-Year Student's Correspondence on the Existing Abuses at St. Bartholomew's Hospital, by a Governor</t>
  </si>
  <si>
    <t>Sampson Low and Son</t>
  </si>
  <si>
    <t>Dimensions: 22 cm, priref: 26682</t>
  </si>
  <si>
    <t>Voarchadumia contra alchimiÃ¡m: ars distincta ab alchimÃ­a &amp; Sophia; cum additionibus, proportionibus, numeris, &amp; figuris oppotunis</t>
  </si>
  <si>
    <t>Gaultherot, Vivant</t>
  </si>
  <si>
    <t>Illustrations: tables, Dimensions: 20 cm, Genre: Yearbooks, Class Number: 529, priref: 24767</t>
  </si>
  <si>
    <t>Giovanni Antonio Panteo</t>
  </si>
  <si>
    <t>D. physica naturae phoenicem sistens</t>
  </si>
  <si>
    <t>B. Reutheri (literis)</t>
  </si>
  <si>
    <t>Publication Statement: 1710, Dimensions: 21cm., Bibliographical Note: Dissertation. J.M.Eccardus defendant; One copy 4to Tr.66(1), Other Names: Hannemann, Johann Ludwig (Praeses), priref: 15117</t>
  </si>
  <si>
    <t>Johannes Michael Eccardus</t>
  </si>
  <si>
    <t>Copy of letter from Sir James Brown Gibson to the under secretary of state, Colonial Department</t>
  </si>
  <si>
    <t>October 29, 1862</t>
  </si>
  <si>
    <t xml:space="preserve">Copy of letter from Sir James Brown Gibson to the under secretary of state, Colonial Department </t>
  </si>
  <si>
    <t>D. physica sistens Hermetem Trismegistum intra Sindonem cognoscendum</t>
  </si>
  <si>
    <t>3 Septembr.An1707</t>
  </si>
  <si>
    <t>September 3, 1707</t>
  </si>
  <si>
    <t>Publication Statement: 1707, Dimensions: 21cm., Bibliographical Note: Dissertation. H.A.Wettering defendant, Other Names: Hannemann, Johann Ludwig (Praeses), priref: 15119</t>
  </si>
  <si>
    <t>30.39768,79.28654</t>
  </si>
  <si>
    <t>H. A. Wettering</t>
  </si>
  <si>
    <t>Three Lectures on Cholera, St. George's Hospital, 1832</t>
  </si>
  <si>
    <t>Printed by Wilson and Ogilvy</t>
  </si>
  <si>
    <t>Dimensions: 21 cm, Bibliographical Note: Reprinted from the, 'London Medical Gazette', new series, volume 8, 1849, pp.244-51, 288-93, 325-30, priref: 6145</t>
  </si>
  <si>
    <t>William Frederick Chambers</t>
  </si>
  <si>
    <t>Propemticum inaugurale de calendario valetudinariorum perpetuo I, [cum vita candidati J. G. Siberi]</t>
  </si>
  <si>
    <t>MDCXCVII</t>
  </si>
  <si>
    <t>Illustrations: Plates, port, Dimensions: 59cms, Bibliographical Note: Wing C 6698; There are nine plates in this book; Previous location SL 26h, priref: 7637</t>
  </si>
  <si>
    <t>Rudolf Wilhelm Crause</t>
  </si>
  <si>
    <t>Froben, Aurelius, 1539-1585; Froben, Ambrosius, 1537-1602</t>
  </si>
  <si>
    <t>Le medicine partenenti alle infermitÃ  delle donne</t>
  </si>
  <si>
    <t>Valgrisi, Giovanni</t>
  </si>
  <si>
    <t>Publication Statement: In Venetia : appresso Giouanni Valgrisio al segno della Vittoria, 1574, Dimensions: 15, 16 cm, Provenance: Copy 9129: Roberts and Watson note that this copy 'has no marks (apart from being lettered down the fore-edge) but is almost certainly Dee's'., General Note: Printer's device on title page.; Copy 9129: Dorchester No. D110/7; Copy 20054: last two leaves wanting., Citation Note: Copy 9129: Roberts and Watson, 857, Exhibition Note: Scholar, courtier, magician : the lost library of John Dee, Collection: John Dee; Dorchester, Genre: Edge titles; Printers' devices, Other Names: Dee, John, 1527-1608; Dorchester, Henry Pierrepont, Marquis of, 1606-1680 (Donor), Class Number: 618, priref: 21053</t>
  </si>
  <si>
    <t>On the Nature and Source of the Contents of the FÅ“tal Stomach: Being the Substance of a Paper Communicated to the Royal Society of London in June Last Year</t>
  </si>
  <si>
    <t>MDCCCXLVII</t>
  </si>
  <si>
    <t>Statement of Responsibility: by Abu Becr Mohammed ibn Zacariya ar-Razi (commonly called Rhazes) ; Translated from the original Arabic by William Alexander Greenhill, M.D.., Corporate Author: Sydenham Society, Dimensions: 23 cm, Series: Sydenham Society, General Note: Translation of JadarÂ¯i wa-al-hasbah.; Contains extracts from other works by Rhases on same subject., Bibliographical Note: Bibliography., Other Names: Greenhill, William Alexander, 1814-1894 (Translator), Class Number: 616.91, priref: 26858</t>
  </si>
  <si>
    <t>George Robinson</t>
  </si>
  <si>
    <t>Thesium philosophicarum disputatio nona</t>
  </si>
  <si>
    <t>IX Maji MDCCXI</t>
  </si>
  <si>
    <t>May 9, 1711</t>
  </si>
  <si>
    <t>Regiae Majest. (e typog.)</t>
  </si>
  <si>
    <t>Publication Statement: 1694, Dimensions: 20 cm, Genre: Sales catalogues, priref: 2576</t>
  </si>
  <si>
    <t>The Medical Examiner and Record of Medical Science: New Series, No. 14, February 1846</t>
  </si>
  <si>
    <t>Dimensions: 22 cm, priref: 2567</t>
  </si>
  <si>
    <t>Biographical Memoirs of the Late Thomas Percival, M. D.</t>
  </si>
  <si>
    <t>Printed by S. Russell.</t>
  </si>
  <si>
    <t>Statement of Responsibility: William Magee, Dimensions: 24 cm, General Note: Photocopy, Genre: Biographies, Class Number: 92 PER, priref: 200003614</t>
  </si>
  <si>
    <t>William Magee</t>
  </si>
  <si>
    <t>Review of Recent Cancer Research</t>
  </si>
  <si>
    <t>New Era</t>
  </si>
  <si>
    <t>Statement of Responsibility: E. F. Bashford, Corporate Author: New York Pathological Society, Dimensions: 24 cm, Binding Method: Paperback, Series: Middleton Goldsmith lecture, Series Number: 1912, General Note: At head of cover: Proceedings of the New York Pathological Society., Class Number: 616-006.4, priref: 13565</t>
  </si>
  <si>
    <t>54.04649,-2.79988, 41.203323,-77.194527</t>
  </si>
  <si>
    <t>Dr. Ernest Francis Bashford</t>
  </si>
  <si>
    <t>Memoria per servire di avviso al popolo sulle asfissie, o morti apparentiâ€¦</t>
  </si>
  <si>
    <t>Guisseppe Paganino</t>
  </si>
  <si>
    <t>Dimensions: 22 cm, Collection: UK Medical Heritage Library, Websites: &lt;a href=http://wellcomelibrary.org/player/b28405997""&gt;View online via the Wellcome Library&lt;/a&gt;; &lt;a href=""https://archive.org/details/rcplondon?&amp;and=b28405997""&gt;View online via the Internet Archive&lt;/a&gt;; &lt;a href=""https://ukmhl.historicaltexts.jisc.ac.uk/ukmhl-b28405997""&gt;View online via Jisc Historical Texts&lt;/a&gt;"", priref: 12180</t>
  </si>
  <si>
    <t>Giacomo Barzellotti</t>
  </si>
  <si>
    <t>The Growth of Truth as Illustrated in the Discovery of the Circulation of the Blood: Being the Harveian Oration Delivered at the Royal College of Physicians, London, October 18,1906</t>
  </si>
  <si>
    <t>Illustrations: ill., tables, Dimensions: 21 cm, Bibliographical Note: Bibliography; 1st ed., 1905; 2nd ed., 1908.; Includes an obituary of the author, pp. ix-xiv., Citation Note: Evan Bedford library 733, Collection: Evan Bedford, Other Names: Halliburton, W. D. (William Dobinson), 1860-1931 (Editor), priref: 23895</t>
  </si>
  <si>
    <t>Some Medical Aspects of Old Age: Being the Linacre Lecture, 1922, St John's College, Cambridge</t>
  </si>
  <si>
    <t>Illustrations: portraits, Dimensions: 20 cm, Binding Method: Hardback, Provenance: Autograph: H.D. Rolleston, Series: Linacre lectures, Series Number: 1922, General Note: 3463 There is a revised edition to this publication, Bibliographical Note: Includes bibliographical references and index, Genre: Lectures, Other Names: Rolleston, Humphry Davy, Sir, 1862-1944 (Donor), Class Number: C042, priref: 29036</t>
  </si>
  <si>
    <t>Vasa lymphatica</t>
  </si>
  <si>
    <t>MCMXVI</t>
  </si>
  <si>
    <t>Gyldendal</t>
  </si>
  <si>
    <t>Statement of Responsibility: Thomas Bartholin ; edited on the tercentenary of the birth of Thomas Bartholinus by Vilhelm Maar, Illustrations: illustrations, facsimiles, portraits, Dimensions: 30 cm, Binding Method: Paperback, Provenance: Book-plate: Rolleston, H.D. (Sir), General Note: Reprint of 1653 edition; Limited edition of 250 numbered copies, Bibliographical Note: Bibliography, Genre: Book-plates, Other Names: Maar, Vilhelm (Editor); Rolleston, Humphry Davy, Sir, 1862-1944 (Donor), Class Number: 612.42, priref: 2397</t>
  </si>
  <si>
    <t>D. m. de apoplexia</t>
  </si>
  <si>
    <t>Publication Statement: 1707, Dimensions: 23 cms, Other Names: Slevogt, Johann Hadrian (Praeses), priref: 29626</t>
  </si>
  <si>
    <t>D.m. de opio</t>
  </si>
  <si>
    <t>Jun. 1667</t>
  </si>
  <si>
    <t>June, 1667</t>
  </si>
  <si>
    <t>Publication Statement: 1714-5, Illustrations: ill., Dimensions: 28 cm, Provenance: Autograph: Deglaude, Louis; Book-plate: Toulouse. Grande Bibliotheque, Bibliographical Note: Contents: Traite nouveau de la structure et des causes du mouvement naturel du coeur; Traite nouveau de l'oreille ...; Traite nouveau des liqueurs du corps humain.; Each Traite has its own title page.; Inserted: Typescript letter from L. Deglaude., Citation Note: Evan Bedford library 226, Collection: Evan Bedford, priref: 32931</t>
  </si>
  <si>
    <t>Georg Wolfgang Wedel, Samuel Ledel</t>
  </si>
  <si>
    <t>The Harveian Oration: Royal College of Physicians, 1881</t>
  </si>
  <si>
    <t>Statement of Responsibility: by A.W. Barclay, Dimensions: 20 cm, Binding Method: Hardback, Series: Harveian oration, Series Number: 1881, Genre: Lectures, Class Number: C06.091.4, priref: 3329</t>
  </si>
  <si>
    <t>A. W. Barclay</t>
  </si>
  <si>
    <t>Theses medicae ac sanguine, eiusque observatione</t>
  </si>
  <si>
    <t>MDCLX</t>
  </si>
  <si>
    <t>Hageniano (e typog.)</t>
  </si>
  <si>
    <t>Publication Statement: 1660, Dimensions: 23 cm, Bibliographical Note: This is a thesis. M. Hoffmann was the 'praeses', or supervisor, and G. Freytag the defendant., Other Names: Freytag, Gottlieb (Defendant); Hoffmann, Mauritius (Praeses), priref: 15542</t>
  </si>
  <si>
    <t>Disputatio medica inauguralis de haemoptysi â€¦</t>
  </si>
  <si>
    <t>MDCLXXVI</t>
  </si>
  <si>
    <t>H. D. Mulleri (typis)</t>
  </si>
  <si>
    <t>Publication Statement: c.1730, Dimensions: 20 cm, priref: 7003</t>
  </si>
  <si>
    <t>The British Worker: a Poem</t>
  </si>
  <si>
    <t>MDCCCXCIV</t>
  </si>
  <si>
    <t>D. E. Rothwell</t>
  </si>
  <si>
    <t>Dimensions: 21 cm, Binding Method: Hardback, Provenance: Autograph: Garstang, Walter, Other Names: Garstang, Walter, 1868-1949 (Inscriber), Class Number: C08 GAR, priref: 11770</t>
  </si>
  <si>
    <t>53.748575,-2.487529</t>
  </si>
  <si>
    <t>Walter Garstang</t>
  </si>
  <si>
    <t>Disputatio medica inauguralis de febre quartana</t>
  </si>
  <si>
    <t>apud Abrahamum Elzevier</t>
  </si>
  <si>
    <t>Publication Statement: 1772, Dimensions: 20cms, Provenance: Autograph: Kirke, Robert, priref: 7828</t>
  </si>
  <si>
    <t>David Davidson</t>
  </si>
  <si>
    <t>Testimonials and Letters of Recommendation in Favour of George D. Gibbâ€¦: A Candidate for the Appointment of Physician Accoucheur to the St Pancras Royal General Dispensary</t>
  </si>
  <si>
    <t>Publication Statement: London : publisher not identified, 1854, Dimensions: 22 cm, General Note: Item number 26 in volume 'Scientific works of G.D. Gibb Bart.'; Letter of application by Gibb dated 17 November 1854 and 41 testimonials dated 1848 to 1854</t>
  </si>
  <si>
    <t>George D. Gibb</t>
  </si>
  <si>
    <t>[Review Of] a Practical Treatise on the Diseases of Children. By James Stewart â€¦ Third Edition â€¦</t>
  </si>
  <si>
    <t>Statement of Responsibility: University of London, Corporate Author: University of London, Publication Statement: Sold by Richard and John E. Taylor, printers to the University of London, Dimensions: 24 cm, Collection: UK Medical Heritage Library, Websites: &lt;a href=http://wellcomelibrary.org/player/b28040259""&gt;View online via the Wellcome Library&lt;/a&gt;; &lt;a href=""https://archive.org/details/rcplondon?&amp;and=b28040259""&gt;View online via the Internet Archive&lt;/a&gt;; &lt;a href=""https://ukmhl.historicaltexts.jisc.ac.uk/ukmhl-b28040259""&gt;View online via Jisc Historical Texts&lt;/a&gt;"", priref: 60456</t>
  </si>
  <si>
    <t>The Goulstonian Lectures on the Typhoid Bacillus and Typhoid Fever: Delivered before the Royal College of Physicians of London on March 20th, 22nd, and 27th, 1900</t>
  </si>
  <si>
    <t>Corporate Author: Royal College of Physicians of London, Dimensions: 22 cm, Series: Goulstonian lectures, Series Number: 1900, General Note: Cover title: The Goulstonian lectures, 1900, Bibliographical Note: Includes bibliographic references, Collection: UK Medical Heritage Library, Genre: Lectures, Class Number: C042, Websites: &lt;a href=https://archive.org/details/rcplondon?&amp;and=b24976623""&gt;View online via the Internet Archive&lt;/a&gt;; &lt;a href=""http://wellcomelibrary.org/player/b24976623""&gt;View online via the Wellcome Library&lt;/a&gt;; &lt;a href=""https://ukmhl.historicaltexts.jisc.ac.uk/ukmhl-b24976623""&gt;View online via Jisc Historical Texts&lt;/a&gt;"", priref: 37967</t>
  </si>
  <si>
    <t>Sir Percival Horton-Smith Hartley</t>
  </si>
  <si>
    <t>Positiones physicae de mundo eiusque causis et affectionibus</t>
  </si>
  <si>
    <t>MDCXXVI</t>
  </si>
  <si>
    <t>Boreck, Augustus</t>
  </si>
  <si>
    <t>Dimensions: 20 cm, Bibliographical Note: This was a dissertation. A. Heineccius was the 'praeses', or supervisor, and J.G. Schwartz was the respondent., Other Names: Schwartz, Johann Georg (Respondent); Heineccius, Abraham (Praeses), priref: 14599</t>
  </si>
  <si>
    <t>L. Annaei Senecae... opera quae extant omnia</t>
  </si>
  <si>
    <t>Herwagen, Johann; Brand, Bernhard</t>
  </si>
  <si>
    <t>Statement of Responsibility: Coelii Secundi Curionis uigilantissima cura castigata, Publication Statement: Basileae : Per J. Hervagium et B. Brandum, 1557, Dimensions: 33 cm, Provenance: Copy number 20976: Roberts and Watson note that this is Dee's copy"" and that ""a name has probably been bleached from the titlepage. There are Dee annotations, Series: particulary in the 'Suasorium liber unus, Series Number: Suasoria prima', Series ISSN: which relates to discoveries. Bound in 16th-century calf""."", Preservation Note: Roberts and Watson, 279, Collection: Latin, Continues: Annotations; Calf bindings, Continued by: Curione, Celio Secondo, 1503-1569 (Editor); Dee, John, 1527-1608 (Former owner), Websites: 871, Rating: 29173</t>
  </si>
  <si>
    <t>Lucius Annaeus Seneca</t>
  </si>
  <si>
    <t>Medicina practica recens &amp; noua, continens omnes totius humani corporis humani morbosâ€¦ addita medicamentaâ€¦ cvm certaâ€¦ dosiâ€¦ appensa</t>
  </si>
  <si>
    <t>[I. Rihelius (excud.)]</t>
  </si>
  <si>
    <t>Illustrations: Illus., Dimensions: 15 cms, Provenance: Autograph: Gale, Milo, Class Number: 59, priref: 26199</t>
  </si>
  <si>
    <t>Martino Rulando</t>
  </si>
  <si>
    <t>D.m. de calculo renum et versicae</t>
  </si>
  <si>
    <t>MDCLVI</t>
  </si>
  <si>
    <t>Dimensions: 21 cm, Bibliographical Note: Printed for the author., priref: 6877</t>
  </si>
  <si>
    <t>Address at the Anniversary Meeting of the Royal Society, 1846</t>
  </si>
  <si>
    <t>Printed by R. And J. E. Taylor</t>
  </si>
  <si>
    <t>Dimensions: 22 cm, Bibliographical Note: Among brief notices of deceased fellows are those of John Bostock, J.C.Carpue and John Thomson, (1765-1846), priref: 23776</t>
  </si>
  <si>
    <t>Spencer Joshua Alwyne Compton</t>
  </si>
  <si>
    <t>The Annual Address Delivered to the Royal College of Physicians on April 6, 1914</t>
  </si>
  <si>
    <t>Ragione di adoprar sicuramente l'arme si da offesa, come da difesa, con un trattato dell'inganno, &amp; con un modo di essercitarsi da se stesso, per acquistare forza, giudicio, &amp; prestezza</t>
  </si>
  <si>
    <t>Statement of Responsibility: di Giacomo di Grassi, Publication Statement: In Venetia : Appresso Giordano Ziletti &amp; compagni, 1570, Illustrations: illustrations, Dimensions: 20, 22 cm, Provenance: Copy number 10160-1: Roberts and Watson note the copies of this and the next item, Series: Roberts and Watson 2122, Series Number: copy number 10160-2, Series ISSN: bound together, Subseries: have no markings but are probably Dee's""."", Exhibition Note: Roberts and Watson, 2121, Genre: Agocchie, Giovanni dall', active 16th century, Websites: Dorchester, Henry Pierrepont, Marquis of, 1606-1680 (Donor), E-ISBN: 37713</t>
  </si>
  <si>
    <t>Descriptive Catalogue of the Portraits and Other Works of Art</t>
  </si>
  <si>
    <t>W. J. Golbourn</t>
  </si>
  <si>
    <t>Corporate Author: Royal College of Physicians of London, Dimensions: 25 cms, General Note: One copy at Tr.348(7), Class Number: C7.04, priref: 40256</t>
  </si>
  <si>
    <t>A Syllabus of a Course of Lectures in Chemistry</t>
  </si>
  <si>
    <t>MDCCLXXXII</t>
  </si>
  <si>
    <t>D. Prince</t>
  </si>
  <si>
    <t>Dimensions: 22 cm, Bibliographical Note: Contains extracts from three letters from William Douglas to Alexander Stuart., Class Number: 616.912-085.371, priref: 33166</t>
  </si>
  <si>
    <t>Martin Wall</t>
  </si>
  <si>
    <t>A Treatise on the Extraction of the Cataract</t>
  </si>
  <si>
    <t>G. Nicol</t>
  </si>
  <si>
    <t>Publication Statement: 1710, Dimensions: 23 cm, Other Names: Vater, Abraham (Respondent), priref: 2960</t>
  </si>
  <si>
    <t>Frederick Bischoff</t>
  </si>
  <si>
    <t>Disputatio medica inauguralis de variolis</t>
  </si>
  <si>
    <t>MDCLXXXVII</t>
  </si>
  <si>
    <t>Ex officina Francisci Halma</t>
  </si>
  <si>
    <t>Dimensions: 16 cm, General Note: Bound with, Garth, Samuel (Sir), 'The Dispensary', 1714, Class Number: C8-1, priref: 11787</t>
  </si>
  <si>
    <t xml:space="preserve">Peter Gelsthorpe, </t>
  </si>
  <si>
    <t>The Annual Address Delivered to the Royal College of Physicians on April 2, 1917</t>
  </si>
  <si>
    <t>John Bale, Sons &amp; Danielsson, Ltd.</t>
  </si>
  <si>
    <t>Publication Statement: 1916-7, Dimensions: 21 cm, Binding Method: Hardback, Series: Royal College of Physicians of London. Presidential addresses, Bibliographical Note: 2 copies.; Check date, Class Number: C91, priref: 31464</t>
  </si>
  <si>
    <t>The Annual Address Delivered to the Royal College of Physicians of London on Monday, April 14, 1924 by the President</t>
  </si>
  <si>
    <t>Monday, April 14, 1924</t>
  </si>
  <si>
    <t>Harrison &amp; Sons, ~Ltd.~</t>
  </si>
  <si>
    <t>Principles of Forensic Medicine</t>
  </si>
  <si>
    <t>Henry Renshaw</t>
  </si>
  <si>
    <t>Dimensions: 23 cm, Provenance: Autograph: Gray, Samuel Frederick, Class Number: 615, priref: 13046</t>
  </si>
  <si>
    <t>The Question Concerning the Sensibility, Intelligence, and Instinctive Actions of Insects</t>
  </si>
  <si>
    <t>Printed by A. Belin</t>
  </si>
  <si>
    <t>Corporate Author: Royal Medical and Chirurgical Society of London, Publication Statement: 1809-1907, Illustrations: Ill., Dimensions: 23 cm, Bibliographical Note: Society's name changed to R.M.C.S. of L. after 1834.; Vol.20 (1836)-v.90 (1907) designated 2nd ser., v.1-72.; No more published under this title.; Indexes : Vols 1 (1809)-18 (1833); 1 (1809)-33 (1850); and 1 (1809)-53 (1870), issued separately (published respectively 1836, 1851, 1871)., priref: 27181</t>
  </si>
  <si>
    <t>A Discourse Read at the Annual Election Meeting of the Caledonian Horticultural Society, December 7 1820â€¦</t>
  </si>
  <si>
    <t>Statement of Responsibility: by James George Davey, with an appendix ..., Publication Statement: MDCCCXLIII, Dimensions: 22 cm, General Note: Bound in volume lettered Medico-legal tracts, 3., Class Number: 340.6, priref: 8347</t>
  </si>
  <si>
    <t>Homicidal Insanity</t>
  </si>
  <si>
    <t>Statement of Responsibility: by William Heberden, Publication Statement: printed for C. J. G. &amp; F. Rivington; and Payne &amp; Foss, Dimensions: 20 cm, Binding Method: Hardback, Provenance: Autograph: Heberden, William (the younger), Collection: UK Medical Heritage Library, Other Names: Heberden, William, 1767-1845 (Inscriber), Class Number: C08 HEB, Websites: &lt;a href=https://archive.org/details/rcplondon?&amp;and=b24975229""&gt;View online via the Internet Archive&lt;/a&gt;; &lt;a href=""http://wellcomelibrary.org/player/b24975229""&gt;View online via the Wellcome Library&lt;/a&gt;; &lt;a href=""https://ukmhl.historicaltexts.jisc.ac.uk/ukmhl-b24975229""&gt;View online via Jisc Historical Texts&lt;/a&gt;"", priref: 14509</t>
  </si>
  <si>
    <t>Amariah Brigham</t>
  </si>
  <si>
    <t>Examen critique d'un nouveau procÃ©dÃ© de percussion mÃ©diate. (These)</t>
  </si>
  <si>
    <t>Dimensions: 22 cm, priref: 31917</t>
  </si>
  <si>
    <t>Augustus Volney Waller</t>
  </si>
  <si>
    <t>Cases and Observations in Medical Jurisprudence</t>
  </si>
  <si>
    <t>Dimensions: 21 cm, priref: 29969</t>
  </si>
  <si>
    <t>Paschasii Hamellii Regii mathematici commentarius in Archimedis Syracusani prÃ¦clari mathematici libru [m] de numero arenÃ¦, multis locis</t>
  </si>
  <si>
    <t>Cavellat, Guillaume</t>
  </si>
  <si>
    <t>Statement of Responsibility: per eundem Hamellium emendatum, Publication Statement: Lutetiae : Apud Gulielmum Cauellat, 1557, Illustrations: woodcut illustrations, Dimensions: 18 cm, Provenance: Copy number 7390-1: Ms. on title-page J. Billingsley; Copy number 7390-1: Inscription written at head of title-page W.30; Copy number 7391: Roberts and Watson note that this copy, 'bound in contemporary limp vellum, has no notes but may be Dee's'., General Note: Printer's device on title page; Errata on final page; Copy number 7390-1: Dorchester number D45:16; Copy number 7391: Dorchester number D46/14, Citation Note: Copy number 7391: Roberts and Watson, 1891, Collection: John Dee; Dorchester, Genre: Vellum bindings; Autographs; Printers' devices; Errata lists; Woodcut illustrations; Shelf marks, Other Names: Billingsley, Henry, Sir, -1606 (Former owner); Dorchester, Henry Pierrepont, Marquis of, 1606-1680 (Donor), Images: CN 7390-1 - t.p., Commentarius in Archimedis_Hamellius, 1557, Billingsley.jpg, priref: 37890</t>
  </si>
  <si>
    <t>The Papers Set for the Examinations for the Diploma in Public Health of the Royal College of Physicians of London and the Royal College of Surgeons of England during the Year 1907</t>
  </si>
  <si>
    <t>Oratio ex Harveii instituto habita â€¦ , MDCCLXX (Harveian Oration, 1770)</t>
  </si>
  <si>
    <t>OCT. XVIII. MDCCLXX</t>
  </si>
  <si>
    <t>October 18, 1771</t>
  </si>
  <si>
    <t>Dimensions: 27, 23, 28 cm, Series: Harveian oration, Series Number: 1770, General Note: 21440-21: No. 22 in a volume lettered 'Orationes Harveianae, 1744-74'; 21521-9: No. 5 in a volume lettered 'Orationes Harveianae, 1752-97'; 21531-5: No. 4 in a volume lettered 'Orationes Harveianae, 1764-97', Class Number: C06.091.4, priref: 26542</t>
  </si>
  <si>
    <t>Antony Relhan</t>
  </si>
  <si>
    <t>Centum historiae, seu observationes et casus mediciâ€¦</t>
  </si>
  <si>
    <t>Apud Thomam Ballionum</t>
  </si>
  <si>
    <t>Dimensions: 32, 33 cm, Bibliographical Note: MS. notes in one copy (9612), Collection: Dorchester, Class Number: 616-08, priref: 10799</t>
  </si>
  <si>
    <t>Epifanio Ferdinandi</t>
  </si>
  <si>
    <t>Iulii Caesaris Scaligeri Exotericarum exercitationum liber quintus decimus de subtilitate: ad Hieronymum Cardanum. In extremo duo sunt indices: prior breuiusculus, continens sententias nobiliores, alter opulentissimus, pene omnia complectens</t>
  </si>
  <si>
    <t>Vascosan, Michel de, -approximately 1577</t>
  </si>
  <si>
    <t>Publication Statement: Lutetiae : ex officina typographica Michaelis Vascosani, uia Iacobaea, ad insigne Fontis, M. D. LVII, Illustrations: woodcut illustrations, Dimensions: 23 cm (4to), Binding: Late 19th or 20th century half calf over marbled boards., Provenance: Copy 10466: Roberts and Watson note that it is 'unsigned by Dee but heavily annotated in parts. The section on angels, from fol. 462 on, is annotated'.; Copy number 10466: former shelfmark on title page: 'Z-132'., General Note: Woodcut head-pieces and initials.; Copy 10466: Dorchester No. D129/2, Citation Note: Copy 10466: Roberts and Watson, 476, Exhibition Note: Scholar, courtier, magician : the lost library of John Dee, Collection: John Dee; Dorchester, Genre: Annotations; Shelf marks; Woodcut illustrations, Other Names: Dee, John, 1527-1608 (Former owner); Dorchester, Henry Pierrepont, Marquis of, 1606-1680 (Donor), priref: 40478</t>
  </si>
  <si>
    <t>Giulio Cesare Scaligero</t>
  </si>
  <si>
    <t>The Antiquities of St. Peter's, or the Abbey-Church of Westminster, Containing All the Inscriptions, Epitaphs, Etc., upon the Tombsâ€¦ with the Livesâ€¦ of the Most Eminent Personagesâ€¦ [Anonymous]</t>
  </si>
  <si>
    <t>Illustrations: Ill, Dimensions: 19 cm, Provenance: Book-plate: Hennell, Edward Whittaker, Bibliographical Note: Supplement Sig. A1 wanting., Class Number: C08 CRU, priref: 8285</t>
  </si>
  <si>
    <t>Oratio ex Harveii Instituto habita in Theatro Collegii Regalis Medicorum Londinensis, Octob. 19 MDCCLXI (Harveian Oration, 1761)</t>
  </si>
  <si>
    <t>Statement of Responsibility: A Georgio Baker, Dimensions: 30 cm, Binding Method: Hardback, Series: Harveian oration, Series Number: 1761, General Note: 21440-1: No. 16 in a volume lettered 'Orationes Harveianae, 1744-74'; 21524-2: No. 4 in a volume lettered 'Orationes Harveianae, 1755-1809'; 21533-4: No. 4 in a volume lettered 'Orationes Harveianae, 1752-1766', Genre: Addresses, Class Number: C06.091.4, priref: 2313</t>
  </si>
  <si>
    <t>Account of a Late Remarkable Trial for Poisoning with Arsenic</t>
  </si>
  <si>
    <t>Murray and Gibb</t>
  </si>
  <si>
    <t>Statement of Responsibility: By Robert Christison., Dimensions: 22 cm, Bibliographical Note: Bibliography; 'Reprinted from the Edinburgh Medical Journal, January and February, 1856' -- t.p.; Bound in volume lettered Medico-legal tracts, 7., Class Number: 340.6, priref: 6531</t>
  </si>
  <si>
    <t>A Brief Account of Some Travels in Divers Parts of Europeâ€¦ through a Great Part of Germany and the Low-Countriesâ€¦</t>
  </si>
  <si>
    <t>MDCLXXXV</t>
  </si>
  <si>
    <t>Tooke, Benjamin</t>
  </si>
  <si>
    <t>Illustrations: ill., fol., Dimensions: 32, 37 cm, Provenance: Autograph: Browne, Edward, 1644-1708 (5552); Autograph: Moore, Norman (Sir) (21954); Book-plate: Brigstocke, William Owen, of Blaenport, 1899 (26357); Book-plate: Brigstocke, Owen, of Llechdwnny, 1679-1746 (26357; 5552), Bibliographical Note: 3 copies.; Wing B5111.; Copy (5552) lacks pp. 137-8 and is interleaved with MS. notes by author and others.; Copy (21954) is imperfect., Exhibition Note: 'A cabinet of rarities': the curious collections of Sir Thomas Browne, Other Names: Browne, Edward, 1644-1708, (Former owner), Class Number: 910.42, priref: 4962</t>
  </si>
  <si>
    <t>Edward Brown</t>
  </si>
  <si>
    <t>A Description of a New Process for the Detection of Arsenic in Organic Tissues and Fluids</t>
  </si>
  <si>
    <t>October, 1845</t>
  </si>
  <si>
    <t>Pharmaceutical Society of Great Britain</t>
  </si>
  <si>
    <t>Publication Statement: 1857-1924, Bibliographical Note: 1916-20 wanting, Class Number: 61:359, priref: 17573</t>
  </si>
  <si>
    <t>Malta, Considered with Reference to Its Eligibility as a Place of Residence for Invalids</t>
  </si>
  <si>
    <t>Printed for Laing &amp; Forees</t>
  </si>
  <si>
    <t>Dimensions: 22cms, Provenance: Autograph: Ring, John; Association: Baillie, Matthew, Other Names: Baillie, Matthew, 1761-1823 (Donor), priref: 27171</t>
  </si>
  <si>
    <t>Francis Sankey</t>
  </si>
  <si>
    <t>Disputatio medica inauguralis continens positiones varias medicas</t>
  </si>
  <si>
    <t>Dimensions: 23cms, priref: 20115</t>
  </si>
  <si>
    <t>Joachim Heinrich Lutterloh</t>
  </si>
  <si>
    <t>Tamerlane: a Tragedy</t>
  </si>
  <si>
    <t>J. Tonson</t>
  </si>
  <si>
    <t>Illustrations: Illus, Dimensions: 18cm, Bibliographical Note: Bound with, Philips, J.: 'Poems on several occasions', 1728, Class Number: C8-1, priref: 27880</t>
  </si>
  <si>
    <t>Nicholas Rowe</t>
  </si>
  <si>
    <t>PoetÃ¦ minores GrÃ¦ci â€¦ Accedunt etiam observationes R. W. (Greek and Latin)</t>
  </si>
  <si>
    <t>MDCC</t>
  </si>
  <si>
    <t>ex off. J. Hayes</t>
  </si>
  <si>
    <t>Dimensions: 21 cm, priref: 33375</t>
  </si>
  <si>
    <t>Radulphi Wintertoni</t>
  </si>
  <si>
    <t>In Cornelii Taciti annalium libros</t>
  </si>
  <si>
    <t>Gryphius, Sebastianus, 1493-1556</t>
  </si>
  <si>
    <t>Statement of Responsibility: Aemylii Ferretti iurisconsulti annotatiunculae, Publication Statement: Lugduni : apud Seb. Gryphium, 1541, Dimensions: 18 cm (8vo), Binding: Copy number 10096: 16th-century blind-tooled full calf binding stamped 'W.L.'. Manuscript waste pastedowns., Provenance: Copy number 10096: Roberts and Watson note that this is Dee's copy. 'No. 823 is signed on the flyleaf John Dee off Spyringe 1544""'.; Copy number 10096: 'Spyringe' may be Cambridge bookbinder, Series: bookseller and stationer Nicholas Spierinck.; Copy number 10096: faint fore-edge title"", Bibliographical Note: Signatures: a-c^8, d^4; Printer's device on title page and last page.; Errata on page 53.; Part II of 'Annalium libri sedecim', published by Sebastianus Gryphius, 1542.; Copy 10096: Dorchester No. D136/4, Summary: Roberts and Watson, 823, Preservation Note: Latin, Collection: Scholar, courtier, magician : the lost library of John Dee, Genre: Roman Empire, Other Names: Printers' devices; Manuscript waste; Calf bindings; Blind tooled bindings; Errata lists; Autographs; Edge titles, Class Number: Spierinck, Nicholas, -1545 or 1546 (Bookseller); Dee, John, 1527-1608 (Former owner); Saunder, Nicholas, 1563-1649 (Former owner); Dorchester, Henry Pierrepont, Marquis of, 1606-1680 (Donor), Child: 41115</t>
  </si>
  <si>
    <t>Emilio Ferretti</t>
  </si>
  <si>
    <t>A Case of Accidental Poisoning by Arsenuiretted Hydrogen</t>
  </si>
  <si>
    <t>1st Nov. 1841</t>
  </si>
  <si>
    <t>November 1, 1841</t>
  </si>
  <si>
    <t>Statement of Responsibility: By Charles O'Reilly., Publication Statement: 1841?, Dimensions: 22 cm, Bibliographical Note: Catalogued from head of text; Article extracted from (?), v. XX, n. 60; Bound in volume lettered Medico-legal tracts, 5 (MLT 5)., Class Number: 340.6, priref: 24302</t>
  </si>
  <si>
    <t>Charles O'Reilly</t>
  </si>
  <si>
    <t>The Sketch of a Bill for the Improvement of the Medical and Surgical and Veterinary Sciences, and for Regulating the Practice Thereof</t>
  </si>
  <si>
    <t>Printed by W. Startford</t>
  </si>
  <si>
    <t>Statement of Responsibility: translated from the German by W.E. Swaine, E. Sieveking, C.H. Moore and G.E. Day, Corporate Author: Sydenham Society, Publication Statement: Printed for the Sydenham Society 1844-52, Illustrations: ill., Dimensions: 23 cm, Series: Sydenham Society, Collection: UK Medical Heritage Library, Other Names: Swaine, William Edward (Translator); Sieveking, Edward H. (Edward Henry), 1816-1904 (Translator); Moore, Charles Hewitt (Translator); Day, George Edward, 1815-1872 (Translator), Class Number: 616-091, Websites: &lt;a href=https://archive.org/details/rcplondon?&amp;and=b24991661""&gt;View online via the Internet Archive&lt;/a&gt;; &lt;a href=""http://wellcomelibrary.org/player/b24991661""&gt;View online via the Wellcome Library&lt;/a&gt;; &lt;a href=""https://ukmhl.historicaltexts.jisc.ac.uk/ukmhl-b24991661""&gt;View online via Jisc Historical Texts&lt;/a&gt;"", priref: 28351</t>
  </si>
  <si>
    <t>Danica historia libris XVI: annis ab hinc trecentis qvinqvaginta, svmma verborvm elegantia, magna sententiarum grauitate, rerum denique admiranda varietate, intermixtis aliarum quoque gentium historijs, conscripta</t>
  </si>
  <si>
    <t>Statement of Responsibility: auctore Saxo Grammatico sialandico Dano, historico laudatissimo ; &amp; quod ea aetate omnino mirandum, tam verbis quÃ m rebus politissimo. Cum indice rerum memorabilium locupletissimo, Publication Statement: Francofurti ad Moenum : Ex officina Typographica And. Wecheli 1576, Provenance: Copy 10643: Roberts and Watson note that it is 'possibly Dee's but has no notes by him'., General Note: Copy 10643: Dorchester No. D126/2, Citation Note: Copy 10643: Roberts and Watson, 1770, Collection: John Dee; Dorchester, Other Names: Dorchester, Henry Pierrepont, Marquis of, 1606-1680 (Donor), priref: 40462</t>
  </si>
  <si>
    <t>Grammaticus Saxo</t>
  </si>
  <si>
    <t>A Bold Challenge to the Whole Colledge of Physicians: or, a Defence of Those Practitioners in Physick Commonly Call'd Quacks... Likewise a Vindication of Many Eminent Piss-Prophets, Astrologers, Conjurers, Both Male and Female, from the Aspersions Cast upon Them by a Late Author</t>
  </si>
  <si>
    <t>[1720]</t>
  </si>
  <si>
    <t>Publication Statement: c. 1720, Dimensions: 19 cm, Bibliographical Note: Footnote on p.4 shows that this is an answer to `The modern quack' (1718, rev. ed. 1724) attributed to Daniel Turner, Class Number: C614.26, priref: 280</t>
  </si>
  <si>
    <t>A Narrative of a Singular Gouty Case, with Observations</t>
  </si>
  <si>
    <t>MDCCLXXXV</t>
  </si>
  <si>
    <t>Debrett</t>
  </si>
  <si>
    <t>Dimensions: 22 cm, priref: 19992</t>
  </si>
  <si>
    <t>John Lee</t>
  </si>
  <si>
    <t>Renati Choppini Andegaui I.C. et in supremo Galliarum senatu aduocati De domanio FranciÃ¦, lib. IIIâ€¦</t>
  </si>
  <si>
    <t>Publication Statement: Parisiis : apud Martinum Iuuenem, via S. Ioannis Lateranensis ad sinsigne Serpentis, M.D.LXXIIII., Dimensions: 24 cm (4to), Binding: Copy 10428: Roberts and Watson note: 'Bound in contemporary vellum with a blind-stamped shield in the centre of the covers'., Provenance: Copy 10428: Roberts and Watson note that it is 'signed Jo. Dee 1575"". ""Nich Saunder"" has been written over this and the date changed to 1585. The title is written down the fore-edge in Dee's hand. There are some notes and underlinings'.; Copy 10428: Former shelf-mark on spine and erased from upper flyleaf: 'W-143'."", General Note: Printer's device on title page.; Errata on third and second pages from end.; Woodcut head-pieces and intials.; Copy 10428: Dorchester No. D133/1, Citation Note: Copy 10428: Roberts and Watson, 360, Exhibition Note: Scholar, courtier, magician : the lost library of John Dee, Collection: John Dee; Dorchester, Genre: Edge titles; Vellum bindings; Blind tooled bindings; Annotations; Shelf marks; Errata lists; Printers' devices, Other Names: Dee, John, 1527-1608 (Former owner); Dorchester, Henry Pierrepont, Marquis of, 1606-1680 (Donor); Saunder, Nicholas, 1563-1649 (Former owner), priref: 36304</t>
  </si>
  <si>
    <t>The Nomenclature of Diseases Drawn up by a Joint Committee Appointed by the Royal College of Physicians</t>
  </si>
  <si>
    <t>Corporate Author: Royal College of Physicians of London, Dimensions: 25 cm, General Note: Being the First Revision""- t.p.; Previous edition: 1869.; Latin, Bibliographical Note: French, Citation Note: German and Italian equivalents for the English names of diseases."", Continues: Ord, William M. (William Miller), 1834-1902 (Editor), Continued by: C616, Attached Documents: &lt;a href=https://archive.org/details/rcplondon?&amp;and=b24976817""&gt;View online via the Internet Archive&lt;/a&gt;; &lt;a href=""http://wellcomelibrary.org/player/b24976817""&gt;View online via the Wellcome Library&lt;/a&gt;; &lt;a href=""https://ukmhl.historicaltexts.jisc.ac.uk/ukmhl-b24976817""&gt;View online via Jisc Historical Texts&lt;/a&gt;"", Parent: 46558</t>
  </si>
  <si>
    <t>An Appendix to the Fourth Edition of the Anatomy of the Human Body</t>
  </si>
  <si>
    <t>Bowyer, William</t>
  </si>
  <si>
    <t>Dimensions: 19 cm, Bibliographical Note: 2md copy at Tr.392(3)., priref: 5667</t>
  </si>
  <si>
    <t>William Cheselden</t>
  </si>
  <si>
    <t>Doctors' Diversions</t>
  </si>
  <si>
    <t>Statement of Responsibility: by Alexander Haig, Publication Statement: London : J. &amp; A. Churchill, 7 Great Malborough Street, 1897, Illustrations: illustrations, Dimensions: 23 cm, Binding: Copy number 52154: publisher's blue cloth binding; Copy number 54888: publisher's blue cloth binding, Provenance: Copy number 54888: early 20th century inscription on upper flyleaf. Name later oblietrated in black permanent marker pen, location 'Philadelphia' remaining; Copy number 54888: occasional pencil annotations; Copy number 54888: one leaf of notes in pen pasted in at page 11; Copy number 54888: Book-plate of Texas Medical Association memorial library, cancelled with a 'withdrawn' stamp, on upper pastedown; Copy number 54888: Texas Medical Assocation memorial library due date label on lower pastedown, General Note: Last 14, 2 pages are publisher's catalogue, Bibliographical Note: With index, Collection: Heberden, Genre: Publishers' advertisements; Publishers' bindings; Annotations; Book-plates; Release stamps, priref: 60974</t>
  </si>
  <si>
    <t>Frederick Dolman</t>
  </si>
  <si>
    <t>An Illustration of Mr. Hunter's Doctrine, Particularly Concerning the Life of the Blood, in Answer to the Edinburgh Review of Mr Abernethy's Lectures</t>
  </si>
  <si>
    <t>Printed by W. Thorne</t>
  </si>
  <si>
    <t>Dimensions: 26, 27, 30 cm, Binding Method: Hardback, Series: Harveian oration, Series Number: 1734, Bibliographical Note: 21452-3: No.3 in a volume lettered 'Orationes Harveianae, 1724-37'; 21396-10: No.18 in a volume lettered 'Orationes Harveianae, 1661-1743'; 21408-1: No.3 in a volume lettered 'Orationes Harveianae, 1731-7', Class Number: C06.091.4, priref: 15651</t>
  </si>
  <si>
    <t>Joseph Adams</t>
  </si>
  <si>
    <t>Questionum philosophicarum â€¦</t>
  </si>
  <si>
    <t>MDCLXXXIX</t>
  </si>
  <si>
    <t>Regiae Majest. (literis)</t>
  </si>
  <si>
    <t>Dimensions: 19 cm, Bibliographical Note: Wing B374., priref: 2548</t>
  </si>
  <si>
    <t>The Heart and Nervous System: Being the Harveian Oration Delivered before the Royal College of Physicians of London on October 18,1902</t>
  </si>
  <si>
    <t>Statement of Responsibility: by David Ferrier, Dimensions: 23 cm, Binding Method: Hardback, Provenance: Autograph: Author, Series: Harveian oration, Series Number: 1902, General Note: Another copy shelved at Bedford D2/67-g-25., Bibliographical Note: Includes bibliographical references, Citation Note: Evan Bedford library 882, Collection: Evan Bedford, Genre: Lectures, Other Names: Ferrier, David, 1843-1928 (Inscriber), Class Number: C06.091.4, priref: 10432</t>
  </si>
  <si>
    <t>David Ferrier</t>
  </si>
  <si>
    <t>Observations on the Blood</t>
  </si>
  <si>
    <t>M DCC LXXIX</t>
  </si>
  <si>
    <t>J. Wallis</t>
  </si>
  <si>
    <t>Dimensions: 22 cm, priref: 14948</t>
  </si>
  <si>
    <t>William Hey</t>
  </si>
  <si>
    <t>V. On the Policy of Maintaining the Limits at Present Imposed by Law on the Criminal Responsibility of Madmen</t>
  </si>
  <si>
    <t>4th June, 1855</t>
  </si>
  <si>
    <t>June 4, 1855</t>
  </si>
  <si>
    <t>Statement of Responsibility: By Fitz-James Stephen., Publication Statement: 1855?, Dimensions: 22 p., Provenance: Ms. letter from FJ Stephen, Bibliographical Note: Catalogued from first text page; Extracted from Papers of the Juridical Society; Bound in volume lettered Medico-legal tracts, 9., priref: 60489</t>
  </si>
  <si>
    <t>Fitz James Stephen</t>
  </si>
  <si>
    <t>Platonis cum Aristotele in vniuersa philosophia, comparatio: Quae hoc commentario, in Alcinoi institutionem ad eiusdem Platonis doctrinam, explicatur</t>
  </si>
  <si>
    <t>Du Puys, Jacques</t>
  </si>
  <si>
    <t>Statement of Responsibility: authore Iac. Carpentario, Claromontano Bellouaco.., Publication Statement: Parisiis : Ex Officina Iacobi du Puys, Ã¨ regione Collegij Cameracensis, sub signo Samaritanae. 1573, Dimensions: 22 cm, Binding: Copy 10405: Contemporary full leather binding tooled in gold and blind., Provenance: Copy 10405: Roberts and Watson note that this copy is 'almost certainly' Dee's. 'It has no note or mark, except lettering fown the fore-edge which may be in Dee's hand'., General Note: Copy 10405: Dorchester No. D129/10, Citation Note: Copy 10405: Roberts and Watson, 433, Collection: John Dee; Dorchester, Genre: Edge titles; Calf bindings; Gold tooled bindings; Blind tooled bindings, Other Names: Dee, John, 1527-1608 (Former owner); Dorchester, Henry Pierrepont, Marquis of, 1606-1680 (Donor), priref: 36288</t>
  </si>
  <si>
    <t>Jacques Charpentier</t>
  </si>
  <si>
    <t>Opera â€¦</t>
  </si>
  <si>
    <t>per A. Cratandrum</t>
  </si>
  <si>
    <t>Publication Statement: 1536, Dimensions: 32 cm, Binding: Binding: PU, Class Number: 17, priref: 10218</t>
  </si>
  <si>
    <t>Historiae mundi libri xxxvii â€¦</t>
  </si>
  <si>
    <t>Vincent, Antoine</t>
  </si>
  <si>
    <t>Statement of Responsibility: annotations by J.Colson, Dimensions: 28 cm, Provenance: Book-plate: Hale, Richard, Bibliographical Note: Pp.v-viii of preface wanting., Class Number: 51, priref: 24012</t>
  </si>
  <si>
    <t>De alimentorum facultatibus libri III</t>
  </si>
  <si>
    <t>Statement of Responsibility: Ioachino Martinio Gandavo interprete, Illustrations: ill., Dimensions: 23 cm, Bibliographical Note: Bound with his Commentariolus de pulsibus ad medicinae candidatos. 1531; Contemporary MS. notes throughout, Citation Note: Evan Bedford library 3, Collection: Evan Bedford, priref: 12442</t>
  </si>
  <si>
    <t>The Lumleian Lectures on Certain Points in the Aetiology of Disease: Delivered before the Royal College of Physicians, 1892: to Which Is Added the Harveian Oration, Delivered before the College in 1893: with a Biographical Notice of Harvey and an Appendix of Statistical Tables</t>
  </si>
  <si>
    <t>Statement of Responsibility: by P. H. Pye-Smith, Corporate Author: Royal College of Physicians of London, Dimensions: 23 cm, Binding Method: Hardback, Series: Lumleian lectures; Harveian oration, Series Number: 1892; 1893, General Note: Lectures are reprinted from the report in the Lancet.""; Biographical notice of Harvey reprinted from the EncyclopÃ¦dia Britannica, Bibliographical Note: 9th edition"", Citation Note: Includes bibliographical references, Other Names: Biographies; Lectures, Continues: C042, Holding Note: &lt;a href=https://archive.org/details/rcplondon?&amp;and=b24975916""&gt;View online via the Internet Archive&lt;/a&gt;; &lt;a href=""http://wellcomelibrary.org/player/b24975916""&gt;View online via the Wellcome Library&lt;/a&gt;; &lt;a href=""https://ukmhl.historicaltexts.jisc.ac.uk/ukmhl-b24975916""&gt;View online via Jisc Historical Texts&lt;/a&gt;"", Child: 25201</t>
  </si>
  <si>
    <t>The Siege of Damascus. A Tragedy</t>
  </si>
  <si>
    <t>MDCCXXXY</t>
  </si>
  <si>
    <t>Dimensions: 18 cm, Bibliographical Note: Bound with, Philips, J.: 'Poems on several occasions', 1728, Class Number: C8-1, priref: 16087</t>
  </si>
  <si>
    <t>Recollections of Samuel Gee: Physician to Saint Bartholomew's Hospital</t>
  </si>
  <si>
    <t>January, 1914</t>
  </si>
  <si>
    <t>Statement of Responsibility: by Richard Glover, Illustrations: map, portrait, Dimensions: 19 cm, Binding Method: Hardback, Genre: Biographies, Class Number: 92 JEN, priref: 12441</t>
  </si>
  <si>
    <t>John Wickham Legg</t>
  </si>
  <si>
    <t>Structure and Function the Harveian Oration Delivered before the Royal College of Physicians on Monday, October 19th, 1903</t>
  </si>
  <si>
    <t>MacMillan And Co., Limited</t>
  </si>
  <si>
    <t>Statement of Responsibility: by W. H. Allchin, Dimensions: 23 cm, Binding Method: Hardback, Provenance: Donated by the Royal College of Physicians of Ireland 56140; Autograph: Author 21705, Series: Harveian oration, Series Number: 1903, Bibliographical Note: Includes bibliographical references, Genre: Lectures, Other Names: Allchin, William Henry, 1846-1912 (Inscriber); Royal College of Physicians of Ireland (Donor), Class Number: C06.091.4, priref: 35353</t>
  </si>
  <si>
    <t>Armand Trousseau: A Master Clinician</t>
  </si>
  <si>
    <t>Statement of Responsibility: Fielding H. Garrison, Dimensions: 23 cm, Bibliographical Note: Bibliographical notes, Genre: Biographies, Class Number: 92 TRO, priref: 200002145</t>
  </si>
  <si>
    <t>38.9071923,-77.0368707</t>
  </si>
  <si>
    <t>Fielding Hudson Garrison</t>
  </si>
  <si>
    <t>D. m. de vulnerum natura et curatione in genere</t>
  </si>
  <si>
    <t>H. Hessii (typis)</t>
  </si>
  <si>
    <t>Publication Statement: 1685, Dimensions: 20 cm, Other Names: Meibom, Heinrich, 1638-1700 (Praeses); Froling, Johann Christoph (Respondent), priref: 21989</t>
  </si>
  <si>
    <t>Catalogue of the Portraits in the Board Room of the Norfolk and Norwich Hospital</t>
  </si>
  <si>
    <t>Printed by Fletcher and Son</t>
  </si>
  <si>
    <t>Statement of Responsibility: Charles Williams, Dimensions: 21 cm, Binding Method: Paperback, Provenance: Donated by Charles Williams, General Note: photocopy, Other Names: Williams, Charles, 1827-1907 (Donor), Class Number: 0.06397037037, priref: 34145</t>
  </si>
  <si>
    <t>41.5264508,-72.0760187</t>
  </si>
  <si>
    <t>Charles Williams</t>
  </si>
  <si>
    <t>Oratio in theatro Collegii Regalis Medicorum Londinensis: ex Harveii instituto, habita die Octob. XVIII, an. MDCCXCVII</t>
  </si>
  <si>
    <t>Auctoris (imp.)</t>
  </si>
  <si>
    <t>Roberto Bourne</t>
  </si>
  <si>
    <t>A Few More Words on the Duality of the Mind</t>
  </si>
  <si>
    <t>T. C. Savill</t>
  </si>
  <si>
    <t>Dimensions: 22 cms, priref: 33764</t>
  </si>
  <si>
    <t>Arthur Ladbroke Wigan</t>
  </si>
  <si>
    <t>The King's Fishing: Done into Verse</t>
  </si>
  <si>
    <t>Dimensions: 19 cm, Collection: UK Medical Heritage Library, Class Number: C08 MER, Websites: &lt;a href=https://archive.org/details/rcplondon?&amp;and=b24991144""&gt;View online via the Internet Archive&lt;/a&gt;; &lt;a href=""http://wellcomelibrary.org/player/b24991144""&gt;View online via the Wellcome Library&lt;/a&gt;; &lt;a href=""https://ukmhl.historicaltexts.jisc.ac.uk/ukmhl-b24991144""&gt;View online via Jisc Historical Texts&lt;/a&gt;"", priref: 22298</t>
  </si>
  <si>
    <t>Analise des eaux du Bas Selter: avec une dÃ©duction exacte de leurs vertus, et l'explication de la maniÃ¨re de s'en servir</t>
  </si>
  <si>
    <t>P. B. Heriot</t>
  </si>
  <si>
    <t>Statement of Responsibility: par FrÃ©dÃ©ric Hoffmann, Publication Statement: c.1780, Dimensions: 19 cm, General Note: On title page: Traduit de l'Allemand.; First published: 1738.; Reprinted ca. 1780.; Earlier version entitled: Analyse parfaite des eaux de la fontaine du Bas Selter, was translated from German into French by Pierre ThÃ©odore Leveling., Other Names: Leveling, Pierre Theodore (Translator), priref: 15503</t>
  </si>
  <si>
    <t>FrÃ©dÃ©ric Hoffmann</t>
  </si>
  <si>
    <t>A Refutation of a Letter, from Doctor Adam Neale, to a Professor of Medicineâ€¦ with a Statementâ€¦ Respecting Cheltenham Waters</t>
  </si>
  <si>
    <t>Printed by Turner and Hadley</t>
  </si>
  <si>
    <t>Statement of Responsibility: by Stephen Love Hammick, Publication Statement: printed for Longman, Rees, Orme, Brown, and Green, Paternoster-Row, Dimensions: 23 cm, Class Number: 617.5-089.873, priref: 15002</t>
  </si>
  <si>
    <t>-37.96944,145.04806</t>
  </si>
  <si>
    <t>Thomas Jameson</t>
  </si>
  <si>
    <t>Letters from Frederic Rogers to Sir Henry Pitman with descriptions of documents directed to be transmitted to him by the Secretary of state</t>
  </si>
  <si>
    <t>April 21-August 25, 1863</t>
  </si>
  <si>
    <t xml:space="preserve">Letters from Frederic Rogers to Sir Henry Pitman with descriptions of documents directed to be transmitted to him by the Secretary of state </t>
  </si>
  <si>
    <t>Reasons for the Establishing and Further Encouragement of St. Luke's Hospital for Lunatics: Established 1751, Incorporated by Act of Parliament, 1838, under the Title of ""The President, Vice-Presidents, Treasurer, and Governors of St. Luke's Hospital, "" with the Rules and Orders for the Government Thereof, and a List of the Governors and Benefactors</t>
  </si>
  <si>
    <t>Printed by H. Teape and Son</t>
  </si>
  <si>
    <t>Statement of Responsibility: edited by John Robinson., Illustrations: tables, Dimensions: 18 cm, Collection: UK Medical Heritage Library, Class Number: 916.84, Websites: &lt;a href=https://archive.org/details/rcplondon?&amp;and=b24750517""&gt;View online via the Internet Archive&lt;/a&gt;; &lt;a href=""http://wellcomelibrary.org/player/b24750517""&gt;View online via the Wellcome Library&lt;/a&gt;; &lt;a href=""https://ukmhl.historicaltexts.jisc.ac.uk/ukmhl-b24750517""&gt;View online via Jisc Historical Texts&lt;/a&gt;"", priref: 27469</t>
  </si>
  <si>
    <t>Disputatio medica inauguralis de angina</t>
  </si>
  <si>
    <t>Philippum de Croy</t>
  </si>
  <si>
    <t>Illustrations: Illus., Dimensions: 18 cms, Series: Naturalist's library, mammalia, Series Number: Vol. 13, Bibliographical Note: Wanting half-title leaf, portrait and engraved t.-p., Class Number: 59, priref: 29739</t>
  </si>
  <si>
    <t>Richard Abbott</t>
  </si>
  <si>
    <t>Divi Alphonsi Romanorvm et Hispaniorvm regis, astronomicÃ¦ tabulÃ¦ in propriam integritatem restitutÃ¦, ad calcem adiectis tabulis quÃ¦ in postrema editione deerant â€¦ Qua in re Paschasius Hamellius â€¦ operam suam prÃ¦stitit</t>
  </si>
  <si>
    <t>Publication Statement: Parisiis : Ex officina Christiani Wecheli sub scuto Basiliensi in vico Iacobaeo, anno 1545, Dimensions: 25 cm (4to), Binding: Binding: SU; Copy number 7742: contemporary blind-tooled calf, rebacked, on four raised bands., Provenance: Copy 7742: Roberts and Watson note that it is Dee's copy. 'It has no signature but has a few Dee annotations in the text. Bound in 16th century calf'., General Note: Errata on 8th unnumbered page.; Printer's device on title page.; Woodcut initials.; Copy 7742: Dorchester No. D25/5, Bibliographical Note: MS. notes., Citation Note: Copy 7742: Roberts and Watson, 340, Collection: John Dee; Dorchester, Genre: Calf bindings; Blind tooled bindings; Annotations; Printers' devices, Other Names: Dee, John, 1527-1608 (Former owner); Dorchester, Henry Pierrepont, Marquis of, 1606-1680 (Donor); Hamellius, Paschasius (Editor), priref: 35369</t>
  </si>
  <si>
    <t>Supplementum Ephemeridium Petri Pitati Veronensis Mathematici</t>
  </si>
  <si>
    <t>MDXXXXII</t>
  </si>
  <si>
    <t>Heredi Di Lucantonio Giunta</t>
  </si>
  <si>
    <t>Publication Statement: Venetiis : Apud haeredes Lucaeantonii Iuntae Florentini, 1542, Dimensions: 24 cm, Binding: Binding: PU, Provenance: Copy number 7874: Roberts and Watson note 'Nich. Saunder 20 Augusti 1583:' has been written over another name, Series: but the notes in the book do not look like Dee's, Series Number: and may well be Saunder's""."", Citation Note: Printer's name from colophon; Copy number 7874: Dorchester number D32a/5, Exhibition Note: Latin, Class Number: Annotations; Autographs, Continues: Saunder, Nicholas, 1563-1649 (Former owner); Dorchester, Henry Pierrepont, Marquis of, 1606-1680 (Donor), Parent: 39587</t>
  </si>
  <si>
    <t>Pietro Pitati</t>
  </si>
  <si>
    <t>De temperamentis libri tres. De intemperie liber unus</t>
  </si>
  <si>
    <t>MDXXVIII</t>
  </si>
  <si>
    <t>vÃ¦nundantur J. Badio</t>
  </si>
  <si>
    <t>Illustrations: ill., Dimensions: 24 cm, Provenance: Autograph: Putland, G.; Autograph: King, E., Bibliographical Note: Wing G859., Other Names: Putland, George (Former owner), Class Number: 61, priref: 12426</t>
  </si>
  <si>
    <t>Pompeij Limpij Dactylismus ecclesiasticus in libros IIII distributus. In quo perquam facili methodo ostenditur non solum vt quis anno quolibet proposito sciat memoriter, et extempore pronunciare diem paschatis, c [ae] tera [que] festa mobilia [â€¦]</t>
  </si>
  <si>
    <t>MDCXIII</t>
  </si>
  <si>
    <t>Apud Bernardum Iuntam, Io. Baptistam Ciottum, &amp; Socios</t>
  </si>
  <si>
    <t>Publication Statement: M DC XIII, Illustrations: ill. (woodcuts), Dimensions: 30 cm (fol.), General Note: Former shelfmark: 2nd fly-leaf verso: g underlined, Bibliographical Note: With index; Vignette on title page; MS notes glued to both pastedowns., Summary: Other title: Pompeij Limpij Dactylismvs ecclesiasticvs in libros IIII distributus. In qvo perqvam facili methodo ostenditur non solum vt quis anno quolibet proposito sciat memoriter, et extempore pronunciare diem paschatis, caeteraque festa mobilia ..., Collection: Dorchester, priref: 38468</t>
  </si>
  <si>
    <t>Pompeius Limpius</t>
  </si>
  <si>
    <t>Q.m. an obesis rarior soboles?</t>
  </si>
  <si>
    <t>Januarii 1725</t>
  </si>
  <si>
    <t>January, 1725</t>
  </si>
  <si>
    <t>Publication Statement: 1725, Dimensions: 25 cms, Bibliographical Note: Dissertation. J.B. du Bois proponent., Other Names: Santeul, Louis de (Praeses), priref: 28569</t>
  </si>
  <si>
    <t>New Experiments and Observations Touching Cold, â€¦ [With] an Account of Freezingâ€¦</t>
  </si>
  <si>
    <t>J. Crook</t>
  </si>
  <si>
    <t>Dimensions: 14 cm, Bibliographical Note: This work contains two letters from J. van Beverwyck to William Harvey, in 1637-8, and a reply from Harvey, dated, 20th April 1638. These are on pages 190-9., Class Number: 616.617, priref: 3186</t>
  </si>
  <si>
    <t>Christopher Merret, Robert Boyle</t>
  </si>
  <si>
    <t>P. Ovidii Nasonis metamorphoseon â€¦ libri XV</t>
  </si>
  <si>
    <t>Publication Statement: Paris :, Dimensions: 18 cm (8vo), Provenance: Copy number 9990: Was formerly bound with copy numbers 9986-1 and 9986-2, which are both John Dee's copies. This copy is most likely therefore also Dee's. Very faint fore-edge title., General Note: Copy numbers 9986-1,9986-2, 9990: Dorchester number D134b/5, Citation Note: Roberts and Watson, 715, Collection: John Dee; Dorchester, Genre: Edge titles, Other Names: Dee, John, 1527-1608 (Former owner); Dorchester, Henry Pierrepont, Marquis of, 1606-1680 (Donor), priref: 39269</t>
  </si>
  <si>
    <t>The Goulstonian Lectures on Some Disorders of the Blood and Blood-Forming Organs in Early Life: Delivered before the Royal College of Physicians of London on March 8th, 10th, and 15th, 1904</t>
  </si>
  <si>
    <t>March 7th, 14th, and 21st, 1904</t>
  </si>
  <si>
    <t>Statement of Responsibility: by Robert Hutchison, Corporate Author: Royal College of Physicians of London, Dimensions: 21 cm, Binding Method: Hardback, Provenance: Donated by Robert Hutchison, Series: Goulstonian lectures, Series Number: 1904, General Note: Half-title: Some disorders of the blood and blood-forming organs in early life.; Reprint from Lancet, 7-21 March 1904, Bibliographical Note: Includes bibliographic references, Genre: Lectures, Other Names: Hutchison, Robert, Sir, 1871-1960 (Donor), Class Number: C042, priref: 38130</t>
  </si>
  <si>
    <t>Visitation of Apothecary, Chemist &amp; Druggist's Shops in London</t>
  </si>
  <si>
    <t>1780-1781</t>
  </si>
  <si>
    <t xml:space="preserve">Visitation of Apothecary, Chemist &amp; Druggist's Shops in London </t>
  </si>
  <si>
    <t>The Annual Address Delivered to the Royal College of Physicians on March 29, 1915</t>
  </si>
  <si>
    <t>Corporate Author: Royal College of Physicians of London, Publication Statement: 1911-5, Dimensions: 21 cm, Series: Royal College of Physicians of London. Presidential addresses, General Note: 1911 address includes an obituary of J.F. Payne, p. 24-30.; Sir Thomas Barlow was President of the Royal College of Physicians from 1910-1914., Collection: UK Medical Heritage Library, Class Number: C91, Websites: &lt;a href=https://archive.org/details/rcplondon?&amp;and=b24976738""&gt;View online via the Internet Archive&lt;/a&gt;; &lt;a href=""http://wellcomelibrary.org/player/b24976738""&gt;View online via the Wellcome Library&lt;/a&gt;; &lt;a href=""https://ukmhl.historicaltexts.jisc.ac.uk/ukmhl-b24976738""&gt;View online via Jisc Historical Texts&lt;/a&gt;"", priref: 42813</t>
  </si>
  <si>
    <t>The Medical Examiner and Record of Medical Science: New Series, No. 53, May 1849</t>
  </si>
  <si>
    <t>Statement of Responsibility: a Jacobo Henry, Dimensions: 22 cm, General Note: Thesis - University of Dublin., Bibliographical Note: Includes bibliographical references., Genre: Academic dissertations, priref: 14805</t>
  </si>
  <si>
    <t>William F. Jackson</t>
  </si>
  <si>
    <t>Dissertatio inauguralis medica de incantationis circa morbos efficacia</t>
  </si>
  <si>
    <t>Dimensions: 21 cm, priref: 6837</t>
  </si>
  <si>
    <t>The Harveian Oration: Delivered at the Royal College of Physicians, London, on October 18,1884</t>
  </si>
  <si>
    <t>Statement of Responsibility: by J. Russell Reynolds, Dimensions: 23 cm, Binding Method: Hardback, Provenance: *Autograph: Author, Series: Harveian oration, Series Number: 1884, Genre: Lectures, Other Names: Reynolds, J. Russell (John Russell), Sir, 1828-1896 (Inscriber), Class Number: C06.091.4, priref: 26815</t>
  </si>
  <si>
    <t>Sir J. Russell Reynolds</t>
  </si>
  <si>
    <t>Della tramutatione metallica sogni tre</t>
  </si>
  <si>
    <t>MDLXXII</t>
  </si>
  <si>
    <t>appresso F. et P. M. Marchetti</t>
  </si>
  <si>
    <t>Illustrations: ill., Dimensions: 22 cm, Bibliographical Note: MS. notes., Class Number: 54, priref: 23354</t>
  </si>
  <si>
    <t>Giovanni Battista Nazari</t>
  </si>
  <si>
    <t>An Impartial Enquiry into the Legal Constitution of the College of Physicians in London, Shewing, from Their Charter, Acts of Parliament, and Their Own Statutes, How Much They Have Deviated from Their Original Institution</t>
  </si>
  <si>
    <t>MDCCLIII</t>
  </si>
  <si>
    <t>J. Noon</t>
  </si>
  <si>
    <t>Publication Statement: 1667, Dimensions: 20 cms, Bibliographical Note: Check date, priref: 33930</t>
  </si>
  <si>
    <t>The Method of Phisick, Conteining the Cavses, Signes, and Cvres of Inward Diseases in Mans Bodie from the Head to the Foote â€¦</t>
  </si>
  <si>
    <t>R. Field</t>
  </si>
  <si>
    <t>Publication Statement: 1659(?), Dimensions: 24 cm, Provenance: Autograph: Moesler, R., Class Number: 61, priref: 2175</t>
  </si>
  <si>
    <t>The Papers Set for the Examinations for the Diploma in Public Health of the Royal College of Physicians of London and the Royal College of Surgeons of England during the Year 1902</t>
  </si>
  <si>
    <t>[Dr. Arnoldi Jun. 's Remarks on a Late Trial for Murder.]</t>
  </si>
  <si>
    <t>March 19, 1844</t>
  </si>
  <si>
    <t>Statement of Responsibility: what cures have been there wrought, (both by bathing and drinking these waters by God's blessing, on the directions of Robert Peirce, Dr. in physick, and Fellow of the College of Physicians in London, a constant inhabitant in Bath, from the year 1653. to this present year 1697., Illustrations: ill., map, Dimensions: 18 cm, Binding: XVIII c. mottled calf. With gold tooled panel and double frame. Rebacked.; Autograph on title-page: unidentified, XVIII c. hand; Armorial book-plate on pastedown: John Kent Spender; XVIIIc. calf with blind tooled panel design. Centerpiece and fleurons pressed in blind.; Note on fly-leaf recto: A.F. Waterman ... Bristol 1912 includes printer's biographical note, Provenance: XVIII c. mottled calf. With gold tooled panel and double frame. Rebacked.; Autograph on title-page: unidentified, XVIII c. hand; Armorial book-plate on pastedown: John Kent Spender; XVIIIc. calf with blind tooled panel design. Centerpiece and fleurons pressed in blind.; Note on fly-leaf recto: A.F. Waterman ... Bristol 1912 includes printer's biographical note, Bibliographical Note: Author's name mis-spelt 'Peirce' on title page and spine; Engraved map of the city of Bath inserted before p. 1. Copy 52279 only has reproduction of map; In two parts; 'Bath memoirs: .. The second part' has a separate dated title page; pagination and signatures are continuous.; Referenced: Wing (2nd ed.), P2163., Collection: Heberden, priref: 48088</t>
  </si>
  <si>
    <t>Francis C. T. Arnoldi</t>
  </si>
  <si>
    <t>Additional Cases... Relating to the Use of the Humulus, or Hop, in Gout and Rheumatic Affections</t>
  </si>
  <si>
    <t>Printed by T C. Hansard</t>
  </si>
  <si>
    <t>Dimensions: 26 cm, Provenance: Autograph: Eschricht, Daniel Friedrich; Association: Owen, R., priref: 10122</t>
  </si>
  <si>
    <t>A. Freake</t>
  </si>
  <si>
    <t>Della architettvra</t>
  </si>
  <si>
    <t>MDXC</t>
  </si>
  <si>
    <t>Appresso I. Gioliti</t>
  </si>
  <si>
    <t>Illustrations: ill., port., Dimensions: 19 cm, Bibliographical Note: S.T.C. 21045., Collection: Dorchester, priref: 40037</t>
  </si>
  <si>
    <t>Giovanni Antonio Rvsconi</t>
  </si>
  <si>
    <t>Biographical Sketch of Dr. Denman, [Containing] a Memoir of My Own Life, Written in 1779</t>
  </si>
  <si>
    <t>MDCCCXXXII</t>
  </si>
  <si>
    <t>Printed for E. Cox</t>
  </si>
  <si>
    <t>Illustrations: illustration, map, portrait, Dimensions: 20 cm, Binding Method: Hardback, Bibliographical Note: Wing C7424-5., Class Number: C08 CRU, priref: 8284</t>
  </si>
  <si>
    <t>Regulations Relating to the Preliminary Examinations in General Education Which Must Be Passed Previous to the Commencement of Medical Study</t>
  </si>
  <si>
    <t>19th March, 1919</t>
  </si>
  <si>
    <t>[Examining Board in England (?)]</t>
  </si>
  <si>
    <t>Corporate Author: Examining Board in England; Royal College of Physicians of London. Examinations; Royal College of Surgeons of England, Publication Statement: Revised 19th March 1919, Dimensions: 22 cm, Class Number: C06.067, priref: 10351</t>
  </si>
  <si>
    <t>The Harveian Oration Delivered before the Royal College of Physicians, October 18th, 1890</t>
  </si>
  <si>
    <t>Dimensions: 19 cm, priref: 34509</t>
  </si>
  <si>
    <t>James Andrew</t>
  </si>
  <si>
    <t>The Oliver-Sharpey Lectures on the Bearing of Metabolism Experiments upon the Treatment of Some Diseases: Delivered before the Royal College of Physicians of London on April 3rd and 5th, 1906</t>
  </si>
  <si>
    <t>April 28 and May 5 1906</t>
  </si>
  <si>
    <t>Statement of Responsibility: by Edmund I. Spriggs, Publication Statement: Printed at The Lancet office, Dimensions: 21 cm, Provenance: Autograph: Author, Series: Oliver-Sharpey lectures, Series Number: 1906, General Note: Reprinted from The Lancet, vol.1, April and May 1906, pp. 1153-8, 1221-8, Bibliographical Note: Includes bibliographical references, Genre: Lectures, Class Number: C042, priref: 30170</t>
  </si>
  <si>
    <t>Sir Edmund Ivens Spriggs</t>
  </si>
  <si>
    <t>News for the Curious: A Treatise of Telescopes â€¦; Done out of French by Jos. Walker</t>
  </si>
  <si>
    <t>Illustrations: ill., Dimensions: 18 cm, Bibliographical Note: Wing N945, Other Names: Walker, Joseph (Translator), priref: 27804</t>
  </si>
  <si>
    <t>Opvscvlvm Raymvndinvm de avditv kabbalistico sive ad omnes scientias introductorivm</t>
  </si>
  <si>
    <t>Vitali, Bernardino dei</t>
  </si>
  <si>
    <t>Publication Statement: Impressum Venetiis per Bernardinum Venetum de Vitalibus anno domini M. CCCCC. XVIII die II mensis decembris, Illustrations: diagrams, Dimensions: 15 cm, Provenance: Copy number 11046: Roberts and Watson state it is signed 'Joannes Dee 1564' at the head of sig.a2, Series: and on the end flyleaf 'Joannes Dee. Lond. Recepi a Roma 29-o April A-o 1564: Antwerpiae.' There are a few notes, Series Number: some of them not Dee's and probably earlier""."", Citation Note: Edited by Petrus Maynardus. Cf. explicit on p. 86; Imprint from colophon; Copy number 11046: The title-page, and fol. a8, are missing. They have been replaced by photostats., Exhibition Note: Latin, Class Number: Annotations; Autographs, Continues: Maynard, Peter (Editor); Dee, John, 1527-1608 (Former owner), Continued by: 133, Parent: 20071</t>
  </si>
  <si>
    <t>Ramon Llull</t>
  </si>
  <si>
    <t>D.m.i. de hydrope, ascite praecipue</t>
  </si>
  <si>
    <t>Jun MDCCI</t>
  </si>
  <si>
    <t>June, 1701</t>
  </si>
  <si>
    <t>J. J. Krebsii (typis)</t>
  </si>
  <si>
    <t>Statement of Responsibility: by David Badham, Illustrations: ill., Dimensions: 18 cm, Binding Method: Hardback, Provenance: Autograph: Badham, Charles David (1805-57), Collection: UK Medical Heritage Library, Other Names: Badham, David, 1806-1857 (Inscriber), Class Number: C08 BAD, Websites: &lt;a href=https://archive.org/details/rcplondon?&amp;and=b24974444""&gt;View online via the Internet Archive&lt;/a&gt;; &lt;a href=""http://wellcomelibrary.org/player/b24974444""&gt;View online via the Wellcome Library&lt;/a&gt;; &lt;a href=""https://ukmhl.historicaltexts.jisc.ac.uk/ukmhl-b24974444""&gt;View online via Jisc Historical Texts&lt;/a&gt;"", priref: 2770</t>
  </si>
  <si>
    <t>The Importance of Stereoradiography, Especially of the Alimentary Tract, with Demonstration of Plates</t>
  </si>
  <si>
    <t>Statement of Responsibility: by James T. Case, Illustrations: illustrations, Dimensions: 24 cm, General Note: Photocopy of the original article, Bibliographical Note: Bibliography, Class Number: 616.31-073.75, Websites: &lt;a href=http://www.ncbi.nlm.nih.gov/pmc/articles/PMC2005419/""&gt;Click here for link to full text&lt;/a&gt;"", priref: 200002565</t>
  </si>
  <si>
    <t>James Thomas Case</t>
  </si>
  <si>
    <t>Observations on a Proposed Adjustment of Weights and Measures for the New British PharmacopÅ“ia</t>
  </si>
  <si>
    <t>JULY, 1859</t>
  </si>
  <si>
    <t>July, 1859</t>
  </si>
  <si>
    <t>Publication Statement: 1859, Dimensions: 22 cm, priref: 34384</t>
  </si>
  <si>
    <t>Charles Wilson</t>
  </si>
  <si>
    <t>A Memorial or, a Short Account of the Bahama Islands â€¦ Presented to Both Houses of Parliament</t>
  </si>
  <si>
    <t>Dimensions: 21 cm, priref: 12440</t>
  </si>
  <si>
    <t>John Graves</t>
  </si>
  <si>
    <t>Delle stato della fibrina del sangue nelle febbri essenziali</t>
  </si>
  <si>
    <t>Dimensions: 55 cm, priref: 1268</t>
  </si>
  <si>
    <t>Syrvporvm vniversa ratio...; cui, post integram de concoctione disceptationem, prÃ¦scripta est uera purgandi methodus, cum expositione aphorismi [Hippocratis]: concocta medicari</t>
  </si>
  <si>
    <t>MDXLV</t>
  </si>
  <si>
    <t>Valgrisi, Vincenzo, active 1540-1572</t>
  </si>
  <si>
    <t>Publication Statement: Impressaeque Venetiis : accurata diligentia per Caesarem Arriuabenum Venetum, anno Christi M.D.XVII, Illustrations: illustration (woodcut), Dimensions: 17 cm (8vo), Provenance: Copy number 11454-3: Contemporary manuscript annotations (mostly manicules and other attention marks) throughout, General Note: Imprint from colophon; Misfoliated: no leaf XXI is present; Woodcut illustration on title page, depicting a monk seated, writing at a desk in a small room; Signatures: A-N^4; Printer's device on final leaf; Copy number 11454-3: item 3 in copy number 11454, Citation Note: EDIT 16 CNCE 47755, Genre: Woodcut illustrations; Annotations; Marginalia; Printers' devices, Class Number: 2, Images: CN 11454-3, Savonarola, Triumphus crucis, 1508, title-page woodcut cropped.jpg, priref: 28518</t>
  </si>
  <si>
    <t>Observations on Medical Reform, by a Member of the University of Oxford</t>
  </si>
  <si>
    <t>Dimensions: 22 cms, priref: 22472</t>
  </si>
  <si>
    <t>Observations sur l'origine et le mode de dÃ©veloppement des zoospermes</t>
  </si>
  <si>
    <t>P. Renouard</t>
  </si>
  <si>
    <t>Statement of Responsibility: by Frederick Fag, Dimensions: 24 cm, Binding Method: Hardback, General Note: Frederick Fag is James Johnson.; Sequel to 'Change of air.'"""", Collection: UK Medical Heritage Library, Class Number: C08 JOH, Websites: &lt;a href=https://archive.org/details/rcplondon?&amp;and=b24975254""&gt;View online via the Internet Archive&lt;/a&gt;; &lt;a href=""http://wellcomelibrary.org/player/b24975254""&gt;View online via the Wellcome Library&lt;/a&gt;; &lt;a href=""https://ukmhl.historicaltexts.jisc.ac.uk/ukmhl-b24975254""&gt;View online via Jisc Historical Texts&lt;/a&gt;"", priref: 16908</t>
  </si>
  <si>
    <t>Claude Francois Lallemand</t>
  </si>
  <si>
    <t>D. m. de vertigine</t>
  </si>
  <si>
    <t>C. Freyschmidii (typis)</t>
  </si>
  <si>
    <t>Dimensions: 21cms., Bibliographical Note: Dissertation. P.J.Callenius respondent, Other Names: Rolfinck, Werner (Praeses); Callenius, Paul Julius (Respondent), priref: 28479</t>
  </si>
  <si>
    <t>A Short Account of the Success of Warm Bathing in Paralytic Disorders</t>
  </si>
  <si>
    <t>MDCCLI</t>
  </si>
  <si>
    <t>Hitch, Charles,-1764</t>
  </si>
  <si>
    <t>Corporate Author: Societatas Medicae Havniensis, Publication Statement: Sumptibus C. A. Proft, Dimensions: 21 cm, Binding Method: Hardback, General Note: Lettered : Acta Havniensis. Tom ..., Genre: Periodicals, Continues: Societatis Medicae Havniensis Collectanea, Continued by: Acta Regiae Societatis Medicae Havniensis, Holding Note: Volume 1 (1777) - Volume 2 (1779), priref: 29884</t>
  </si>
  <si>
    <t>John Summers</t>
  </si>
  <si>
    <t>Dissertatio medica inauguralis de apoplexia</t>
  </si>
  <si>
    <t>Illustrations: ill., Dimensions: 22 cm, priref: 4889</t>
  </si>
  <si>
    <t>Henry Butler</t>
  </si>
  <si>
    <t>Ars et theoria transmvtationis metallicae cum VoarchadÃºmia, proportionibus, numeris &amp; iconibus rei accommodis illustrata</t>
  </si>
  <si>
    <t>Disputatio medica inauguralis de inflammatione oculorum</t>
  </si>
  <si>
    <t>Dimensions: 23 cm, priref: 19284</t>
  </si>
  <si>
    <t>James Lidderdale</t>
  </si>
  <si>
    <t>Dissertatio medica inauguralis de peripneumonia vera</t>
  </si>
  <si>
    <t>Statement of Responsibility: by James Copland, Dimensions: 23 cm, General Note: Spine title: Copland's medical dictionary"".; With half-title page.; 2 sets."", Bibliographical Note: Bibliography., Class Number: 616(03), priref: 7439</t>
  </si>
  <si>
    <t>James Stenhouse</t>
  </si>
  <si>
    <t>La semaine, ov creation dv monde</t>
  </si>
  <si>
    <t>MDLXXXVIII</t>
  </si>
  <si>
    <t>Febvrier, Jean</t>
  </si>
  <si>
    <t>Statement of Responsibility: de G. de Salluste, Seigneur du Bartas, Publication Statement: A Paris : Chez Iean Feurier, demourant pres le College de Reims, 1578, Dimensions: 12 cm, Provenance: Copy 10592: Roberts and Watson note 'it has no markings but is probably Dee's'., General Note: Copy 10592: Dorchester No. D144/4, Citation Note: Copy 10592: Roberts and Watson, 2168, Collection: John Dee; Dorchester, Other Names: Dorchester, Henry Pierrepont, Marquis of, 1606-1680 (Donor), priref: 36633</t>
  </si>
  <si>
    <t>The Immortality of the Human Soul, Demonstrated by the Light of Nature</t>
  </si>
  <si>
    <t>Henry Herringman</t>
  </si>
  <si>
    <t>Illustrations: portrait, Dimensions: 21 cm, Bibliographical Note: Wing C3675.; This is a photocopy., Class Number: C08 CHA, priref: 6301</t>
  </si>
  <si>
    <t>Walter Charleton</t>
  </si>
  <si>
    <t>Disputatio philosophica de monstris</t>
  </si>
  <si>
    <t>MDCXXIV</t>
  </si>
  <si>
    <t>C. Tham (ex off. typog.)</t>
  </si>
  <si>
    <t>Publication Statement: MDCCXLI, Illustrations: illustrations, Dimensions: 17 cm, Binding: Binding: BU gold tooled; Autograph: Luard, H.R.; Autograph: Spencer, Diana; Autograph: Swanson, George I.; Ja. Rolt ?; Offered to the RCP by Dr. B. Durrant FRCPPsych, Provenance: Binding: BU gold tooled; Autograph: Luard, H.R.; Autograph: Spencer, Diana; Autograph: Swanson, George I.; Ja. Rolt ?; Offered to the RCP by Dr. B. Durrant FRCPPsych, General Note: 21833-1: Bound with Garth, Samuel, Sir: 'A compleat key to the Dispensary', 1746; 21834-1: Bound with Garth, Samuel, Sir: 'A compleat key to the Dispensary', 1746; One copy contains an autographed letter from G.I. Swanson to G.H. Allchin, Bibliographical Note: Referenced: Foxon G32; Referenced: ESTC t034573; Title page in red and black, Class Number: C8-1, priref: 11796</t>
  </si>
  <si>
    <t>Commentarius posthumus in quartum librum Codicis â€¦</t>
  </si>
  <si>
    <t>S. Selfisch (imp. hÃ¦redum)</t>
  </si>
  <si>
    <t>Statement of Responsibility: studio et opera N.Bulacheri., Dimensions: 25 cm, Provenance: Annotation: page numbers noted on endleaf, Collection: Dorchester, Genre: Annotations, priref: 41733</t>
  </si>
  <si>
    <t>53.00543,11.75032</t>
  </si>
  <si>
    <t>Matthaeus Wesenbecius, Nicolaus Bulacherus</t>
  </si>
  <si>
    <t>Proceedings of the Thirty-Fifth Anniversary Meeting of the Hunterian Society, Held on the 4th February, 1854 with the Report, and List of Officers and Members</t>
  </si>
  <si>
    <t>[Hunterian Society]</t>
  </si>
  <si>
    <t>Corporate Author: Hunterian Society, Publication Statement: 1854, Dimensions: 22 cm, priref: 16407</t>
  </si>
  <si>
    <t>An Inquiry into â€¦ That Swelling â€¦ of the Lower Extremities Which Sometimes Happens to Lying-in Women. Pt 2</t>
  </si>
  <si>
    <t>J. Mawman</t>
  </si>
  <si>
    <t>Dimensions: 22 cms, Provenance: Association: Baillie, Matthew, Other Names: Baillie, Matthew, 1761-1823 (Donor), priref: 33417</t>
  </si>
  <si>
    <t>Charles White</t>
  </si>
  <si>
    <t>Notes on Vaccination in the United Provinces of Agra and Oudh for the Year Ending 31st March, 1918</t>
  </si>
  <si>
    <t>Government Press, United Provinces</t>
  </si>
  <si>
    <t>Statement of Responsibility: C. Mactaggart, Dimensions: 33 cm, Binding Method: Paperback, Class Number: 615.371(545.8), priref: 17360</t>
  </si>
  <si>
    <t>25.435801,81.846313</t>
  </si>
  <si>
    <t>C. Mactaggart</t>
  </si>
  <si>
    <t>A New Means of Diagnosis of the Affections of the Nervous System by Irritation of Nervous Trunks</t>
  </si>
  <si>
    <t>Dimensions: 27 cm, General Note: Copy of the original mansucript (dated 1723), made in 1826 and given to John S. Valentine in 1851, Genre: Biographies, Other Names: Valentine, John S. (Associated name), Class Number: 92 TRI, priref: 31971</t>
  </si>
  <si>
    <t>On the Action of Water on Lead, in Relation to Medical Police</t>
  </si>
  <si>
    <t>Published in the Guy's Hospital Reports</t>
  </si>
  <si>
    <t>Dimensions: 24 cm, Provenance: Autograph: Klein; Book-plate: Chalmers, Genre: Bibliographies, Class Number: 016:61, priref: 30149</t>
  </si>
  <si>
    <t>Aromatum et simplicium aliquot medicamentorum apud Indos nascentium historia</t>
  </si>
  <si>
    <t>Statement of Responsibility: primuÌ€m quidem Lusitanica lingua per dialogos conscripta, Garcia ab Horto, Proregis Indiae medico, auctore ; nunc veroÌ€ Latino sermone in epitomen contracta, &amp; iconibus ad viuum expressis, locupletioribusque annotatiunculis illustrata aÌ€ Carolo Clusio, Atrebate, Publication Statement: Antverpiae : Ex officina Christophori Plantini ... 1574, Illustrations: ill., Dimensions: 17, 18 cm, Provenance: Copy 9173-2: Roberts and Watson note the copy with which it is bound, but make no mention of whether this item was also Dee's., General Note: Copy 9173-2: Dorchester No. D111/5; Copy number 9173-2: bound with Monardes, W. De simplicibus medicamentis ... 1574, Collection: John Dee; Dorchester, Other Names: Dorchester, Henry Pierrepont, Marquis of, 1606-1680 (Donor), Class Number: 615, priref: 24415</t>
  </si>
  <si>
    <t>Carolus Clusius, Garcia de Orta</t>
  </si>
  <si>
    <t>The Present State of the Country and Inhabitants, Europeans and Indians, of Louisiana...</t>
  </si>
  <si>
    <t>J. Millan</t>
  </si>
  <si>
    <t>Dimensions: 21 cm, priref: 26789</t>
  </si>
  <si>
    <t>A Scheme of the Lectures on the Animal Oeconomy, 1739</t>
  </si>
  <si>
    <t>Dimensions: 25cms, priref: 28707</t>
  </si>
  <si>
    <t>William Schaw</t>
  </si>
  <si>
    <t>Disputatio medica de tussi</t>
  </si>
  <si>
    <t>MDCLXXXIIX</t>
  </si>
  <si>
    <t>Dimensions: 19 cm, Provenance: Autograph: Robertson, J., Bibliographical Note: 2 copies. The other copy is at, Tr.17(5)., Class Number: 616-053.2, priref: 7304</t>
  </si>
  <si>
    <t>Johannes Andreas Cramer</t>
  </si>
  <si>
    <t>D. m. in qua agrestis vitae sanitasâ€¦ exhibetur</t>
  </si>
  <si>
    <t>19. Octobr. MDCLXXVII</t>
  </si>
  <si>
    <t>October 19, 1677</t>
  </si>
  <si>
    <t>J. Georg (literis)</t>
  </si>
  <si>
    <t>Publication Statement: 1677, Dimensions: 21cms, Bibliographical Note: Dissertation. J.C.Caesar respondent., Other Names: Rivinus, Augustus Quirinus (Praeses); Caesar, Johann Christoph (Respondent), priref: 27313</t>
  </si>
  <si>
    <t>Consiliorvm Medicinalivm â€¦ Sectiones Quinque â€¦</t>
  </si>
  <si>
    <t>MDCIX</t>
  </si>
  <si>
    <t>Wechelianis (typis); apud C. Marnium</t>
  </si>
  <si>
    <t>Illustrations: ill., port., Dimensions: 31 cm, Binding: Binding: SU, Provenance: Autograph: Nich: Saunder, Collection: Dorchester, Genre: Autographs, Other Names: Saunder, Nicholas, 1563-1649 (Former owner), priref: 40568</t>
  </si>
  <si>
    <t>Reinert Solenander</t>
  </si>
  <si>
    <t>De praescriptionibus: quae tum iure ciuili, tum pontificio continentur tractatus perutiles Ã¦quÃ¨, &amp; necessarij, in studiosorum gratiam Ã  diuersis I. C. editi, atque in vnum volumen congesti, innumeris quibus scatebant mendis sublatis. His accedit rerum &amp; verborum index locupletissimus. Auctorum nomina sequens pagina indicabit</t>
  </si>
  <si>
    <t>J. Junctae (apud haeredes)</t>
  </si>
  <si>
    <t>Dimensions: 16 cm, Provenance: Manuscript annotations, Collection: Dorchester, Genre: Annotations, priref: 36545</t>
  </si>
  <si>
    <t>Hieronymi Fracastorii Veronensis Opera omnia in vnum proxime post illius mortem collecta: quorum nomina sequens pagina plenius indicat. Accesserunt Andreae Naugerii, patricii Veneti, Orationes duae carminaq [ue] nonnulla, amicorum cura ob id nuper simul impressa, ut eorum scripta, qui arcta inter se uiuentes necessitudine coniuncti fuerunt, in hominum quoque manus post eorum mortem iuncta pariter peruenirent</t>
  </si>
  <si>
    <t>MDLV</t>
  </si>
  <si>
    <t>Heredi di Philippo de Giunta</t>
  </si>
  <si>
    <t>Publication Statement: Venetiis : apud Iuntas, M. D. LV, Illustrations: woodcut illustrations, Dimensions: 24 cm, Binding: Binding: D., I., Provenance: Copy number 7872: Roberts and Watson note is stamped I.D. on the covers but may not be Dee's. The block used on the binding also occurs on no.975 at Magdalene College, Series: Cambridge""."", Bibliographical Note: Printer's device on title page.; Colophon: 'Venetiis : apud aheredes Lucaeantonii Iunta, M D L V'.; Copy number 7872: Dorchester number D32/a2, Summary: Roberts and Watson, 342, Preservation Note: Latin, Collection: Scholar, courtier, magician : the lost library of John Dee, Other Names: Edge titles; Woodcut illustrations; Printers' devices; Blind tooled bindings; Calf bindings, Class Number: Dorchester, Henry Pierrepont, Marquis of, 1606-1680 (Donor), Child: 36919</t>
  </si>
  <si>
    <t>Girolamo Fracastoro, Andrea Navagero</t>
  </si>
  <si>
    <t>Ueber die Anwendung der DÃ¤mpfe des Chlorammonium in Krankheiten der Respirationsorgane</t>
  </si>
  <si>
    <t>Statement of Responsibility: von Dr. R. Gieseler, Publication Statement: Heidelberg, General Note: Additional manuscript bibliographic footnote on p. 330.; An extract from the, Ztschr. f rat. Med., n.F., pp. 324-30., priref: 12218</t>
  </si>
  <si>
    <t>Dr. Rudolph Gieseler</t>
  </si>
  <si>
    <t>De sex diebvs conditi orbis liber: ad Aloysium Iustinianum, Patritium Venetum, &amp; Coadiutorem Aquileiensem ampliss</t>
  </si>
  <si>
    <t>Statement of Responsibility: auctore F. Hieronymo Vielmio ... ; adiecti sunt praeterea ejusdem auctoris libri duo de D. Thomae doctrina et scriptis, et orationes duae; altera apologetica, et reliqua de optimo episcopo muneri., Publication Statement: Venetiis : apud Iuntas, M D LXXV, Dimensions: 24 cm (8vo), Provenance: Copy number 10430: Roberts and Watson note is signed 'Nich. Saunder' and though it has no other markings it is probably Dee's"".; Copy number 10430: former shelfmark on upper flyleaf: 'C2-124' amended to 'C2-27'."", General Note: Errata on sig. b6v.; Copy number 10430: Dorchester number D133/4, Citation Note: Roberts and Watson, 2032, Exhibition Note: Scholar, courtier, magician : the lost library of John Dee, Collection: John Dee; Dorchester, Genre: Errata lists; Shelf marks; Printers' devices, Other Names: Dorchester, Henry Pierrepont, Marquis of, 1606-1680 (Donor); Saunder, Nicholas, 1563-1649 (Former owner), priref: 41513</t>
  </si>
  <si>
    <t>Hieronymus Vielmius</t>
  </si>
  <si>
    <t>D. m. de fonticulis</t>
  </si>
  <si>
    <t>C. Zeitleri (literis)</t>
  </si>
  <si>
    <t>Publication Statement: 1919-1920, Illustrations: Ill., charts, Dimensions: 27 cm, Provenance: Autograph: Schilling, Richard Selwyn Francis (18); Autograph: Legge, Thomas Morison (Sir) (54), Bibliographical Note: Extr. from J. industr. Hyg. - 1920., Collection: Donald Hunter, priref: 38391, Child: 38392; 38393; 38394; 38395; 38396; 38397; 38398; 38399; 38400</t>
  </si>
  <si>
    <t>D. m. i. de infantum affectibus</t>
  </si>
  <si>
    <t>C. Henckelii (typis)</t>
  </si>
  <si>
    <t>Statement of Responsibility: di Ranierei Bellini di Pisa, Publication Statement: 1850, Dimensions: 22 cm, General Note: On title page: (Est. dalla Gazzetta Medica Italiana - federativa) - Toscana, Tom. 1, Ser. II, ni 5, 6.).; Date at foot of title page: 28 Maggio 1850., priref: 2774</t>
  </si>
  <si>
    <t>Textus de sphaera Ioannis de Sacrobosco : introductoria additione (quantum necessarium est) commentarioque, ad vtilitatem studentium philosophiae Parisiensis Academiae illustratus. Cum compositione Annuli astronomici Boneti Latensi: et geometria Euclidis Megarensis</t>
  </si>
  <si>
    <t>Jacques LefÃ¨vre dâ€™Ã‰taples, Joannes de Sacro Bosco, de Lates Bonet</t>
  </si>
  <si>
    <t>Guerre a la mort: heureuse innovation calorigÃ¨ne Dubois, guÃ©rissant la rage, le cholÃ©ra, la fiÃ¨vre jaune, le vomito â€¦</t>
  </si>
  <si>
    <t>Statement of Responsibility: illustrated from his letters, with occasional notes and narrative, by John, Lord Sheffield, Dimensions: 20 cm, Genre: Biographies, Other Names: Sheffield, John Holroyd, Earl of, 1735-1821, Class Number: 61:92 GIB, priref: 12156</t>
  </si>
  <si>
    <t>Canned Foods in Relation to Health</t>
  </si>
  <si>
    <t>Printed by W. Lewis</t>
  </si>
  <si>
    <t>Dimensions: 23 cm, Series: Milroy lectures, Series Number: 1923, Bibliographical Note: Bibliography, Genre: Lectures, Class Number: C042, priref: 28461</t>
  </si>
  <si>
    <t>Tabulation of Cases from the Necrological Register of the Royal Victoria Hospital, Netley, with Slight Explanatory Remarks</t>
  </si>
  <si>
    <t>Dimensions: 20 cms, priref: 33090</t>
  </si>
  <si>
    <t>Francis Henry Welch</t>
  </si>
  <si>
    <t>Disquisitio medica quid de methodo Harveana morbos expectatione curandi sit sentiedum</t>
  </si>
  <si>
    <t>XII Decembris MDCXCV</t>
  </si>
  <si>
    <t>December 12, 1695</t>
  </si>
  <si>
    <t>J. J. Kursneri (typis haered.)</t>
  </si>
  <si>
    <t>Publication Statement: 1695, Dimensions: 22cms, Bibliographical Note: Dissertation. Cronberg, F. respondent., Other Names: Nebel, Daniel (Praeses); Cronberg, Friedrich (Respondent), priref: 23385</t>
  </si>
  <si>
    <t>Harvey and His Successors: The Harveian Oration Delivered at the Royal College of Physicians, October 18, 1892</t>
  </si>
  <si>
    <t>Statement of Responsibility: by J.H. Bridges, Dimensions: 20 cm, Binding Method: Hardback, Provenance: Autograph: Bridges, John Henry, Series: Harveian oration, Series Number: 1892, Bibliographical Note: Includes bibliographical references, Collection: UK Medical Heritage Library, Genre: Lectures; Biographies, Other Names: Bridges, John Henry, 1832-1906 (Inscriber), Class Number: C06.091.4, Websites: &lt;a href=https://archive.org/details/rcplondon?&amp;and=b24974638""&gt;View online via the Internet Archive&lt;/a&gt;; &lt;a href=""http://wellcomelibrary.org/player/b24974638""&gt;View online via the Wellcome Library&lt;/a&gt;; &lt;a href=""https://ukmhl.historicaltexts.jisc.ac.uk/ukmhl-b24974638""&gt;View online via Jisc Historical Texts&lt;/a&gt;"", priref: 4958</t>
  </si>
  <si>
    <t>John Henry Bridges</t>
  </si>
  <si>
    <t>Delle fortificationi di M. Galasso Alghisi da Carpi â€¦ libri tre â€¦</t>
  </si>
  <si>
    <t>Dimensions: 20 cm, Collection: Dorchester, priref: 35243</t>
  </si>
  <si>
    <t>Galasso Alghisi</t>
  </si>
  <si>
    <t>To Lord Brougham and â€¦ to the Proprietors of the London University Reasons Why the Expulsion of A. Thomson from the London University Should Be Reconsidered, and Answers Made to Certain Charges â€¦ Made â€¦ by Mr. Pattison</t>
  </si>
  <si>
    <t>Statement of Responsibility: By Alfred S. Taylor, Publication Statement: c. 1847, Dimensions: 22 cm, Provenance: Autograph: Al. Taylor, Bibliographical Note: Reprinted from Guy's Hospital Report; Bound in volume lettered: Medico-legal tracts, 2; MS notes throughout the text., Class Number: 340.6, priref: 31371</t>
  </si>
  <si>
    <t>Alexander Thomson</t>
  </si>
  <si>
    <t>QuÃ¦stio medica â€¦ an senibus tenuis diaeta? â€¦</t>
  </si>
  <si>
    <t>Publication Statement: 1657, Dimensions: 21 cm, priref: 13710</t>
  </si>
  <si>
    <t>Joachimus Joannes Costar</t>
  </si>
  <si>
    <t>Death of Dr. Wainwright from the Bite of a Rattlesnake</t>
  </si>
  <si>
    <t>Publication Statement: 1848, Dimensions: 22 cm, Bibliographical Note: Catalogued from head of text; Extracted from the: 'Record med. Sci.', January 1848; Bound in volume lettered Medico-legal tracts, 5 (MLT 5)., Class Number: 340.6, priref: 8484</t>
  </si>
  <si>
    <t>Filum Ariadneum in studio medico</t>
  </si>
  <si>
    <t>MDCXCIIX</t>
  </si>
  <si>
    <t>Dimensions: 19 cms, priref: 31794</t>
  </si>
  <si>
    <t>On the Action of Poisons: And on the Nature and Treatment of Arsenical Poisoning. A Paper Read at the Guy's Hospital Physical Society, March 22,1851</t>
  </si>
  <si>
    <t>Statement of Responsibility: By William Odling., Dimensions: 22 cm, Bibliographical Note: On t.p.: 'From London medical Gazette; vol. 12 (1851); Bound in volume lettered Medico-legal tracts, 5 (MLT 5)., Class Number: 340.6, priref: 24680</t>
  </si>
  <si>
    <t>William Odling</t>
  </si>
  <si>
    <t>A Discovrse of Natvrall Bathes and Minerall Waters</t>
  </si>
  <si>
    <t>Printed by Thomas Harper</t>
  </si>
  <si>
    <t>Dimensions: 18 cm, Bibliographical Note: The title-page is missing., Class Number: 61, priref: 16661</t>
  </si>
  <si>
    <t>Edward Iorden</t>
  </si>
  <si>
    <t>The Milroy Lectures: on Ankylostoma Infection, Delivered before the Royal College of Physicians of London on March 2, 7, and 9, 1911</t>
  </si>
  <si>
    <t>March 2, 7, and 9, 1911</t>
  </si>
  <si>
    <t>Statement of Responsibility: by A.E. Boycott, Corporate Author: Royal College of Physicians of London, Dimensions: 22 cm, Series: Milroy lectures, Series Number: 1911, General Note: Reprinted from The Lancet, 18, 25 March and 1 April 1911. Vol. 1, 1911, pp. 717-721, 783-790, 859-864, Bibliographical Note: Bibliography., Collection: UK Medical Heritage Library, Genre: Lectures, Class Number: C042, Websites: &lt;a href=https://archive.org/details/rcplondon?&amp;and=b24974547""&gt;View online via the Internet Archive&lt;/a&gt;; &lt;a href=""http://wellcomelibrary.org/player/b24974547""&gt;View online via the Wellcome Library&lt;/a&gt;; &lt;a href=""https://ukmhl.historicaltexts.jisc.ac.uk/ukmhl-b24974547""&gt;View online via Jisc Historical Texts&lt;/a&gt;"", priref: 4222</t>
  </si>
  <si>
    <t>Harvey, the Man and the Physician (Harveian Oration, 1916)</t>
  </si>
  <si>
    <t>[Lancet]</t>
  </si>
  <si>
    <t>Statement of Responsibility: by Sir Thomas Barlow, Binding Method: Hardback, Series: Harveian oration, Series Number: 1916, Bibliographical Note: Photocopy, Genre: Biographies; Lectures, Class Number: C06.091.4, priref: 200000596</t>
  </si>
  <si>
    <t>Additional Observations on the Static Lung Tests</t>
  </si>
  <si>
    <t>John Stark</t>
  </si>
  <si>
    <t>Statement of Responsibility: by Henry George, Dimensions: 23 cm, Provenance: Autograph on fly leaf: To the Royal College of Physicians from the author, General Note: With half-title page., Other Names: George, Henry (Inscriber), Class Number: 616.912, priref: 12044</t>
  </si>
  <si>
    <t>I. I-Em-Hotep and Ancient Egyptian Medicine: II. Prevention of Valvular Disease. The Harveian Oration Delivered before the Royal College of Physicians on June 21,1904</t>
  </si>
  <si>
    <t>C. J. Clay</t>
  </si>
  <si>
    <t>Statement of Responsibility: by Richard Caton, Publication Statement: C. J. Clay and sons, Illustrations: illustrations, Dimensions: 23 cm, Binding Method: Hardback, Series: Harveian oration, Series Number: 1904, Collection: UK Medical Heritage Library, Genre: Lectures, Class Number: C06.091.4, Websites: &lt;a href=https://archive.org/details/rcplondon?&amp;and=b24974742""&gt;View online via the Internet Archive&lt;/a&gt;; &lt;a href=""http://wellcomelibrary.org/player/b24974742""&gt;View online via the Wellcome Library&lt;/a&gt;; &lt;a href=""https://ukmhl.historicaltexts.jisc.ac.uk/ukmhl-b24974742""&gt;View online via Jisc Historical Texts&lt;/a&gt;"", priref: 6293</t>
  </si>
  <si>
    <t>53.4083714,-2.9915726</t>
  </si>
  <si>
    <t>Observations on a Plant Named Quichunchulli and Its Use as a Remedy in the Disorder Called Mal De San Lazaro, or Cocobay</t>
  </si>
  <si>
    <t>19th of January, 1835</t>
  </si>
  <si>
    <t>January 19, 1835</t>
  </si>
  <si>
    <t>Publication Statement: M DC LXXXIII, Illustrations: ill., engr., Dimensions: 21 cm, Binding: Binding: Rebound marbled boards, using earlier red calf spine; new endpapers; MS. note on pastedown: Presented by the Wellcome Trust.; Book-stamp on title-page verso: Ex libris Th. Renz, Provenance: Binding: Rebound marbled boards, using earlier red calf spine; new endpapers; MS. note on pastedown: Presented by the Wellcome Trust.; Book-stamp on title-page verso: Ex libris Th. Renz, Bibliographical Note: Dedicatory epistle in Dutch; Each part with own half-title page; Lacks engraved frontispiece portrait; Referenced: Wing R. 1326; Referenced: ESTC, R24094., Collection: Heberden, priref: 48112</t>
  </si>
  <si>
    <t>Edward Nathaniel Bancroft</t>
  </si>
  <si>
    <t>Observations upon the Construction and Use of the Respirator; an Instrument for Facilitating the Respiration of Persons Suffering under Pulmonary and Bronchial Affections, by Warming the Air Inspired, and Thereby Enabling Them to Breathe Freely in the Coldest Atmosphere</t>
  </si>
  <si>
    <t>James S. Hodson</t>
  </si>
  <si>
    <t>Statement of Responsibility: by John Harness, Publication Statement: Printed for the Author, by C. Wood, Poppin's Court, Fleet Street, Dimensions: 21 cm, Provenance: Autograph: Harness, John., Collection: UK Medical Heritage Library, Websites: &lt;a href=http://wellcomelibrary.org/player/b28521419""&gt;View online via the Wellcome Library&lt;/a&gt;; &lt;a href=""https://archive.org/details/rcplondon?&amp;and=b28521419""&gt;View online via the Internet Archive&lt;/a&gt;; &lt;a href=""https://ukmhl.historicaltexts.jisc.ac.uk/ukmhl-b28521419""&gt;View online via Jisc Historical Texts&lt;/a&gt;"", priref: 15358</t>
  </si>
  <si>
    <t>Julius Jeffreys</t>
  </si>
  <si>
    <t>The Croonian Lectures on Radio-Activity and Carcinoma: an Experimental Inquiry: Delivered before the Royal College of Physicians of London on June 15th, 17th, 22nd, and 24th, 1909</t>
  </si>
  <si>
    <t>Statement of Responsibility: by W. S. Lazarus-Barlow, Corporate Author: Royal College of Physicians of London, Illustrations: illustrations, Dimensions: 22 cm, Series: Croonian lectures, Series Number: 1909, General Note: Reprinted from The Lancet, June 26, 1909., Bibliographical Note: Bibliography., Genre: Lectures, Class Number: C042, priref: 38359</t>
  </si>
  <si>
    <t>Walter Sydney Lazarus-Barlow</t>
  </si>
  <si>
    <t>D. m. i. de ileo</t>
  </si>
  <si>
    <t>Novembr MDCLXXIX</t>
  </si>
  <si>
    <t>November, 1689</t>
  </si>
  <si>
    <t>Publication Statement: 1692, Dimensions: 23cm, Bibliographical Note: Dissertation.; Check date, Other Names: Vehr, Irenaeus (Moderator); Wesener, Johann Gottfried (Respondent), priref: 32504</t>
  </si>
  <si>
    <t>The Goulstonian Lectures on the Nature of Arterio Sclerosis Delivered before the Royal College of Physicians of London</t>
  </si>
  <si>
    <t>Statement of Responsibility: by Geoffrey Evans, Illustrations: illustrations, Dimensions: 22 cm, Series: Goulstonian lectures, Series Number: 1923, Bibliographical Note: Bibliography, Genre: Lectures, Class Number: C042, Websites: &lt;a href=https://www.ncbi.nlm.nih.gov/pmc/articles/PMC2316274/""&gt;Full text available here - part 1&lt;/a&gt;; &lt;a href=""https://www.ncbi.nlm.nih.gov/pmc/articles/PMC2316344/""&gt;Full text available here - part 2&lt;/a&gt;; &lt;a href=""https://www.ncbi.nlm.nih.gov/pmc/articles/PMC2316175/""&gt;Full text available here - part 3&lt;/a&gt;"", priref: 200001627</t>
  </si>
  <si>
    <t>Geoffrey Arthur Evans</t>
  </si>
  <si>
    <t>D.m.i. de cupro</t>
  </si>
  <si>
    <t>MDCCLIX</t>
  </si>
  <si>
    <t>Dimensions: 20 cms, priref: 27664</t>
  </si>
  <si>
    <t>Balfour Russell</t>
  </si>
  <si>
    <t>Calendarium Romanum magnumâ€¦</t>
  </si>
  <si>
    <t>[1518]</t>
  </si>
  <si>
    <t>[J. Kobel (per)]</t>
  </si>
  <si>
    <t>Publication Statement: 1518, Illustrations: ill., Dimensions: 32 cm, Binding: Binding: SU, Bibliographical Note: MS. notes., Collection: Dorchester, priref: 40966</t>
  </si>
  <si>
    <t>Johann Stoeffler</t>
  </si>
  <si>
    <t>Report of the Tenth Annual Meeting of the London Mesmeric Infirmary, 36 Weymouth Street, Portland Place, Held at Willis's Rooms, King Street, St. James's on Friday, the 10th of June, 1859</t>
  </si>
  <si>
    <t>Mitchelle and Son</t>
  </si>
  <si>
    <t>Notes on the Medical Topography of the District of Sarun</t>
  </si>
  <si>
    <t>G. H. Huttmann</t>
  </si>
  <si>
    <t>Illustrations: Ill., Dimensions: 51 cms, Provenance: Autograph: Hawkins, Francis; Autograph: Arnott, James Moncrieff; Autograph: Morgan, Campbell de; Autograph: Shaw, Alexander; Autograph: Crawford, Mervyn A; Autograph: West, Charles; Autograph: Wilson, William James Erasmus (Sir); Autograph: Day, George E; Autograph: Makins, George H; Autograph: Thompson, Seth; Autograph: Rowdon, Henry Mortimer, Bibliographical Note: 2 copies., Class Number: 612.8, priref: 25246</t>
  </si>
  <si>
    <t>Robert Rankine</t>
  </si>
  <si>
    <t>De ortu monstrorum commentarius</t>
  </si>
  <si>
    <t>H. Osthusii (sumpt.)</t>
  </si>
  <si>
    <t>Dimensions: 20 cm, Provenance: Autograph: Davies, Robert; Autograph: Hyde, Thomas, Bibliographical Note: S.T.C. 24118, Class Number: 61, priref: 33572</t>
  </si>
  <si>
    <t>Martin Weinrich</t>
  </si>
  <si>
    <t>De natura oculorum; item Aristotelis Problemata quae ad oculos pertinent</t>
  </si>
  <si>
    <t>[per H. Sybold]</t>
  </si>
  <si>
    <t>Dimensions: 21 cm, Provenance: Book-plate: Beaufoy, Henry B.H.; Book-plate: Roberts, D.L., Bibliographical Note: Wing T3196., Class Number: 613, priref: 32059</t>
  </si>
  <si>
    <t>Georgii Vallae</t>
  </si>
  <si>
    <t>[Lowell and Cutter Lectures 1919]</t>
  </si>
  <si>
    <t>Sir Thomas Morison Legge</t>
  </si>
  <si>
    <t>Death</t>
  </si>
  <si>
    <t>Marchant, Printer, Ingram-Court</t>
  </si>
  <si>
    <t>Corporate Author: Societe de Chirurgie de Paris, Illustrations: illustrations, Dimensions: 28 cm, Binding Method: Hardback, General Note: Merged with 'Bulletin de la SocieÌteÌ de Chirurgie de Paris to form 'Bulletins et MeÌmoires de la SocieÌteÌ de Chirurgie', Genre: Periodicals, Continued by: Bulletins et MÃƒÂ©moires de la SociÃƒÂ©tÃƒÂ© de Chirurgie de Paris, priref: 29889</t>
  </si>
  <si>
    <t>John Addington Symonds</t>
  </si>
  <si>
    <t>Lettre en 1798 a J. F. de Retzer sur les fonctions du cerveau chez l'homme et les animaux</t>
  </si>
  <si>
    <t>21 mars 1835</t>
  </si>
  <si>
    <t>March 21, 1835</t>
  </si>
  <si>
    <t>Dimensions: 21 cm, Provenance: Autograph: Eyre, John; Association: Baillie, Matthew, Bibliographical Note: Bibliography., Other Names: Baillie, Matthew, 1761-1823 (Donor), priref: 10377</t>
  </si>
  <si>
    <t>Franz Joseph Gall</t>
  </si>
  <si>
    <t>The Annual Address Delivered to the Royal College of Physicians of London on Monday, 6 April, 1925 by the President</t>
  </si>
  <si>
    <t>Monday, 6 April, 1925</t>
  </si>
  <si>
    <t>The Croonian Lectures on Muscular Movements and Their Representation in the Central Nervous System: Delivered before the Royal College of Physicians of London, June, 1903</t>
  </si>
  <si>
    <t>Corporate Author: Royal College of Physicians of London, Illustrations: illustrations, Dimensions: 22 cm, Series: Croonian lectures, Series Number: 1903, Bibliographical Note: Includes bibliographical references, Genre: Lectures, Class Number: C042, priref: 13956</t>
  </si>
  <si>
    <t>Charles Edward Beevor</t>
  </si>
  <si>
    <t>Disputatio de methodo medendi et officiis medici</t>
  </si>
  <si>
    <t>Lucius, Jacob</t>
  </si>
  <si>
    <t>Dimensions: 21 cm, Other Names: Adamius, Andreas (Respondent); Liddel, Duncan (Praeses), priref: 19277</t>
  </si>
  <si>
    <t>Catalogue of the Library of the Royal Medical and Chirurgical Society of London</t>
  </si>
  <si>
    <t>John Scott</t>
  </si>
  <si>
    <t>Corporate Author: Royal Medical and Chirurgical Society of London, Dimensions: 24 cm, Genre: Library catalogues, Class Number: 016:61, priref: 27146</t>
  </si>
  <si>
    <t>De consultationibus sacri consistorij commentarivs</t>
  </si>
  <si>
    <t>MDXCIV</t>
  </si>
  <si>
    <t>D. Sartorivs (excud.)</t>
  </si>
  <si>
    <t>Publication Statement: 1720, Dimensions: 21cms, Other Names: Becker, Johann Hermann (Respondent); Becker, Petrus (Praeses), priref: 13877</t>
  </si>
  <si>
    <t>Gabrielis Paleotti</t>
  </si>
  <si>
    <t>The Health of Children in the Nursery and School</t>
  </si>
  <si>
    <t>John Bale</t>
  </si>
  <si>
    <t>Publication Statement: 1894?, Dimensions: 22 cm, Bibliographical Note: Rep. from Med. News. - (5 May 1894)., priref: 30076</t>
  </si>
  <si>
    <t>William Stevens Squire</t>
  </si>
  <si>
    <t>A Supplement to Mr. Samuel Puffendorf's Introduction to the History of Europe...</t>
  </si>
  <si>
    <t>W. Taylor</t>
  </si>
  <si>
    <t>Dimensions: 20 cm, Class Number: C08 CRU, priref: 8289</t>
  </si>
  <si>
    <t>Jodocus Crull</t>
  </si>
  <si>
    <t>Dissertatio inauguralis medica de dolore capitis</t>
  </si>
  <si>
    <t>MDCLVII</t>
  </si>
  <si>
    <t>charactere G. Hagan</t>
  </si>
  <si>
    <t>Publication Statement: 1707?, Dimensions: 25 cm, priref: 13011</t>
  </si>
  <si>
    <t>Christian Halbach</t>
  </si>
  <si>
    <t>An Essay on the Agreement Betwixt Ancient and Modern Phsyicians; or, a Comparison between the Practice of Hippocrates, Galen, Sydenham, &amp; Boerhaave in Acute Diseasesâ€¦</t>
  </si>
  <si>
    <t>Hawkins, George,-1780</t>
  </si>
  <si>
    <t>Dimensions: 21 cm, Provenance: Book-plate - Roberts, David Lloyd, Bibliographical Note: MS. notes in one copy; Microfilm copy available, Collection: David Lloyd Roberts, Class Number: 61, priref: 2743</t>
  </si>
  <si>
    <t>John Barker</t>
  </si>
  <si>
    <t>The Differences, Cavses and Ivdgements of Vrine, According to the Best Writers Thereof, Both Old and New, Summarily Collected</t>
  </si>
  <si>
    <t>J. Legat</t>
  </si>
  <si>
    <t>Illustrations: port, Dimensions: 16 cm, Class Number: 61, priref: 10454</t>
  </si>
  <si>
    <t>John Fletcher</t>
  </si>
  <si>
    <t>Exercitatio de aeterno Dei providentia contra Atheos</t>
  </si>
  <si>
    <t>J. Godiani (literis)</t>
  </si>
  <si>
    <t>Publication Statement: 1699, Dimensions: 23 cm, priref: 2937</t>
  </si>
  <si>
    <t>Jens Jensen Bircherod</t>
  </si>
  <si>
    <t>A Discourse Read at the Annual Election Meeting of the Caledonian Horticultural Society, December 2 1819 â€¦ to Which Is Annexed, a List of the Prizes, a List of the Prizes Proposed by the Society for 1820</t>
  </si>
  <si>
    <t>Printed by Patrick Neill</t>
  </si>
  <si>
    <t>Statement of Responsibility: by James George Davey, Publication Statement: Printed at the examiner press, Dimensions: 22 cm, Provenance: Autograph: From the author, General Note: MS notes and corrections.; Bound in volume lettered: Medico-legal tracts, 4., Collection: UK Medical Heritage Library, Class Number: 340.6, Websites: &lt;a href=http://wellcomelibrary.org/player/b28268283""&gt;View online via the Wellcome Library&lt;/a&gt;; &lt;a href=""https://archive.org/details/rcplondon?&amp;and=b28268283""&gt;View online via the Internet Archive&lt;/a&gt;; &lt;a href=""https://ukmhl.historicaltexts.jisc.ac.uk/ukmhl-b28268283""&gt;View online via Jisc Historical Texts&lt;/a&gt;"", priref: 8343</t>
  </si>
  <si>
    <t>Quaestio medica discussa Cantabrigiae â€¦ an vulnera tendinum sint lethalia?</t>
  </si>
  <si>
    <t>Statement of Responsibility: By Jonathan Goddard Dr of Physick, Fellow of the College of Physicians, and of the Royal Society; and professor of physick in Gresham College, Publication Statement: Printed by John Martyn and James Allefiry, printers to the Royal Society, Dimensions: 22 cm, Binding Method: Hardback, Provenance: Book-plate: Witt, George, General Note: Copy number 13495-1: Bound with 'A discourse setting forth the unhappy condition of the practice of physick in London' by Jonathan Goddard, 1670. Spine title: Pamphlets on physic and physicians, Citation Note: Wing G914, Class Number: C9, priref: 12469</t>
  </si>
  <si>
    <t>Killing No Murder: (Originally Applied to O. Cromwell): A Discourse Proving It Lawful to Kill a Tyrant According to the Opinion of the Most Celebrated Ancient Authors. By Col. Titus, Alias William Allen [And Edward Sexby]</t>
  </si>
  <si>
    <t>Dimensions: 21 cms, Bibliographical Note: Dissertation., Other Names: Tappe, Jakob (Praeses); Stisser, Heinrich Carl (Respondent), priref: 31291</t>
  </si>
  <si>
    <t>Col. Titus, Edward Sexby</t>
  </si>
  <si>
    <t>Case of Poisoning by Hemlock, (Conium Maculatum)</t>
  </si>
  <si>
    <t>Stark &amp; Co.</t>
  </si>
  <si>
    <t>Statement of Responsibility: by Francis Lord Verulam ; newly translated by Andrew Johnson., Publication Statement: Bell &amp; Daldy, 186, Fleet Street, Dimensions: 18 cm, Provenance: Autograph: John Bertram; Autograph: James Hanson, Bibliographical Note: Half title page., Other Names: Johnson, Andrew (Translator); Bertram, John (Inscriber); Hanson, James (Inscriber), Class Number: 165, priref: 2523</t>
  </si>
  <si>
    <t>John Hughes Bennett</t>
  </si>
  <si>
    <t>Sebastiani Foxii Morzilli Hispalensis De naturÃ¦ philosophia, seu De Platonis, &amp; Aristotelis consensione, libri V. Nunc denuÃ² recogniti, &amp; Ã  me[n]dis, quibus anteÃ  scatebant, sedulÃ² repurgati</t>
  </si>
  <si>
    <t>Publication Statement: Parisiis : ex officina Iacobi Puteani, e regione collegij Cameracensis, sub insigni Samaritanae, M. D. LX., Dimensions: 18 cm, Binding: 16th century blind tooled calf binding, rebacked. Evidence of clasps, now lost., Provenance: Copy 10101: Roberts and Watson note that many libraries record his De Naturae Philosophia libri V"". There is evidence of a bleached out name at the head of the title page, Series: and Nicholas Saunder's signature at the foot of the title page."", Bibliographical Note: Copy 10101: Dorchester No. D136/9, Summary: Copy 10101: Roberts and Watson, 2086, Preservation Note: Latin, Collection: Scholar, courtier, magician : the lost library of John Dee, Genre: Ancient Greece, Other Names: Calf bindings; Blind tooled bindings, Class Number: Dee, John, 1527-1608 (Former owner); Dorchester, Henry Pierrepont, Marquis of, 1606-1680 (Donor); Saunder, Nicholas, 1563-1649 (Former owner), Child: 36917</t>
  </si>
  <si>
    <t>SebastiÃ¡n Fox Morcillo</t>
  </si>
  <si>
    <t>Breves in sphÃ¦ram meditativncvlae</t>
  </si>
  <si>
    <t>Arnoldi Birckmannsi Erben</t>
  </si>
  <si>
    <t>Illustrations: ill., Dimensions: 16 cm, Provenance: Annotation on title page: drawings of chickens; Inscription on title page: 'J-26 ?', Collection: Dorchester, Genre: Annotations; Inscriptions, Images: CN 7546 - Breves in sphaeram_Mercator, 1563, chickens.JPG, priref: 38781</t>
  </si>
  <si>
    <t>Bartholemaeus Mercator</t>
  </si>
  <si>
    <t>The Annual Address Delivered to the Royal College of Physicians on April 1st, 1912</t>
  </si>
  <si>
    <t>April 1st, 1912</t>
  </si>
  <si>
    <t>Dissertatio inauguralis medica de colica scorbutica</t>
  </si>
  <si>
    <t>Dimensions: 21cms, Other Names: Le Boe, Frans de, 1614-1672 (Praeses); Sloterdijck, Petrus (Respondent), priref: 31882</t>
  </si>
  <si>
    <t>Dissertatio inauguralis de lochiis naturaliter fluentibus &amp; praeternaturaliter suppressis</t>
  </si>
  <si>
    <t>Statement of Responsibility: A Ricardo Conyers, Dimensions: 25, 27, 30 cm, Binding Method: Hardback, Series: Harveian oration, Series Number: 1756, General Note: 21440-8: No.12 in a volume lettered 'Orationes Harveianae, 1744-74'; 21533-3: No.2 in a volume lettered 'Orationes Harveianae, 1752-66', Class Number: C06.091.4, priref: 7528</t>
  </si>
  <si>
    <t>Materials for a History of the Royal College of Physicians of London, Including Some Account of the Other Medical Corporations</t>
  </si>
  <si>
    <t>Publication Statement: c.1841, Dimensions: 23 cm, Binding Method: Hardback, Bibliographical Note: Three copies.; Lettered, 'Notes on the history of the Royal College of Physicians, c.1841'.; The second copy is entitled, 'Memoranda'.; The second and third copies have been bound together. They are from a different printing, and are missing some pages., Class Number: C9, priref: 21063</t>
  </si>
  <si>
    <t>Philippi Aureoli Theophrasti Paracelsi Bombast eremitae, summi inter Germanos medici &amp; philosophi. Chirurgia magna, in duos tomos digestaâ€¦</t>
  </si>
  <si>
    <t>Perna, Pietro</t>
  </si>
  <si>
    <t>Dimensions: 22 cm, Collection: Dorchester, priref: 39083</t>
  </si>
  <si>
    <t>The Annual Address Delivered to the Royal College of Physicians on Monday, the 30th of March, 1896</t>
  </si>
  <si>
    <t>The Royal Merchant: A Sermon Preacch'd at White-Hallâ€¦ at the Nuptials of an Honourable Lord and His Lady [Viz. Of Lord William Hay with Lady Anne Lyon]. [Anon.]</t>
  </si>
  <si>
    <t>Publication Statement: 1692, Dimensions: 23 cms, Bibliographical Note: Dissertation. J.P.Biester respondent.; Check date, Other Names: Wedel, Georg Wolfgang (Praeses); Biester, Johann Peter (Respondent), priref: 33885</t>
  </si>
  <si>
    <t>Robert Wilkinson</t>
  </si>
  <si>
    <t>Oratio anniversaria in theatro Collegii Regalis Medicorum Londinensium, ex Harveii instituto habita, A. D. MDCCXC</t>
  </si>
  <si>
    <t>J. Robson</t>
  </si>
  <si>
    <t>Statement of Responsibility: by John Ash, Publication Statement: apud J. Robson, Dimensions: 23 cm, Provenance: Autograph: Baillie, Matthew, Series: Harveian oration, Series Number: 1790, General Note: 21524-1: No. 8 in a volume lettered 'Orationes Harveianae, 1755-1809', Genre: Lectures, Other Names: Baillie, Matthew, 1761-1823 (Inscriber), Class Number: C06.091.4, priref: 1995</t>
  </si>
  <si>
    <t>John Ash</t>
  </si>
  <si>
    <t>Oratio Harveiana in novis aedibus Collegii habita sext. Kalend. Jul. an. MDCCCXXXIV</t>
  </si>
  <si>
    <t>MDCCCXXXIV</t>
  </si>
  <si>
    <t>Publication Statement: prostant apud R.H. Evans, Dimensions: 27 cm, Series: Harveian oration, Series Number: 1834, General Note: 21570-4: No.5 in a volume lettered 'Orationes Harveianae, 1810-45', Genre: Lectures, Class Number: C06.091.4, priref: 22081</t>
  </si>
  <si>
    <t>Edward Thomas Monro</t>
  </si>
  <si>
    <t>Sphaera... T. Linacro interprete. Apendicula G. T. Collimitii de ortu &amp; occasu siderum</t>
  </si>
  <si>
    <t>MDXI</t>
  </si>
  <si>
    <t>[H. Vietorem (per)]</t>
  </si>
  <si>
    <t>Dimensions: 20 cm, Bibliographical Note: Bound with Diemerbroeck, I. van De peste. 1646., Class Number: 616.923, priref: 25847</t>
  </si>
  <si>
    <t xml:space="preserve">Georgius Tannstetter Collimitius, Thomas Linacre, </t>
  </si>
  <si>
    <t>Institutionum sive elementorum â€¦ libri iiii [Corpus Juris Civilis. Institutiones]</t>
  </si>
  <si>
    <t>M.D.XLVIII</t>
  </si>
  <si>
    <t>apud G. Rovilium</t>
  </si>
  <si>
    <t>Dimensions: 35 cm, Collection: Dorchester, priref: 36399</t>
  </si>
  <si>
    <t>Gregorius Haloandrus</t>
  </si>
  <si>
    <t>Les Plantes dans les maladies des yeux: etude de folklore</t>
  </si>
  <si>
    <t>Statement of Responsibility: by W.M. Palmer, M.D., Publication Statement: From the Cambridge Antiquarian Society's Communications, Vol. XV. that is 1911, Dimensions: 22cm, Binding: 20th century blue cloth binding, Binding Method: Hardback, Provenance: Armorial book-plate inside front board: Royal College of Physicians; Book-stamp on title-page: College of Physicians, General Note: With an index; Pencil annotations on final page, Genre: Annotations; Stamps, Class Number: 61(425.9), priref: 200004538</t>
  </si>
  <si>
    <t>A.F.C. Schevensteen</t>
  </si>
  <si>
    <t>The Harveian Oration on Medicine in the Century before Harvey</t>
  </si>
  <si>
    <t>[1922]</t>
  </si>
  <si>
    <t>Statement of Responsibility: by Arnold Chaplin, Dimensions: 23, 22 cm, Binding Method: Hardback, Series: Harveian oration, Series Number: 1922, General Note: Delivered at the Royal College of Physicians of London on October 18th, 1922, Genre: Lectures, Class Number: C06.091.4, priref: 6296</t>
  </si>
  <si>
    <t>Arnold Thomas Hancock Chaplin</t>
  </si>
  <si>
    <t>The College: a Satire. Canto I and II</t>
  </si>
  <si>
    <t>G. Cawthorn</t>
  </si>
  <si>
    <t>Publication Statement: Printed and published by George Cawthorn, Dimensions: 23 cm, General Note: With half-title page.; A satire on the Royal College of Physicians., Class Number: C 8-1, priref: 7349</t>
  </si>
  <si>
    <t>George Cawthorn</t>
  </si>
  <si>
    <t>The Papers Set for the Examinations for the Diploma in Public Health of the Royal College of Physicians of London and the Royal College of Surgeons of England during the Year 1898</t>
  </si>
  <si>
    <t>Eulogium medicum sive oratio Harvaeanaâ€¦ 1760 (Harveian Oration, 1760)</t>
  </si>
  <si>
    <t>apud S. Baker</t>
  </si>
  <si>
    <t>Dimensions: 25 cm, Series: Harveian oration, Series Number: 1760, General Note: 21524-4: No.3 in a volume lettered 'Orationes Harveianae, 1755-1809'; 21440-3: No.15 in a volume lettered 'Orationes Harveianae, 1744-74', Class Number: C06.091.4, priref: 4989</t>
  </si>
  <si>
    <t>Richard Brocklesby</t>
  </si>
  <si>
    <t>Ovvertvre de tovs les secrets de l'Apocalypseâ€¦; mise en francois par G. Thomson</t>
  </si>
  <si>
    <t>N. Delacroix</t>
  </si>
  <si>
    <t>Dimensions: 19 cm, Bibliographical Note: Ms. notes., Other Names: Thomson, George (fl. c. 1600) (Traducteur), Class Number: 228, priref: 23821</t>
  </si>
  <si>
    <t>46.160329,-1.151139</t>
  </si>
  <si>
    <t>John Napier</t>
  </si>
  <si>
    <t>Paratyphoid Infections</t>
  </si>
  <si>
    <t>May 19, June 2 and 16, 1917</t>
  </si>
  <si>
    <t>May 19-June 16, 1917</t>
  </si>
  <si>
    <t>Dimensions: 22 cm, Series: Goulstonian lectures, Series Number: 1917, General Note: Reprinted from the Lancet (1917), 19 May, 2, 16 June, Genre: Lectures, Class Number: C042, priref: 22427</t>
  </si>
  <si>
    <t>Charles Hewitt Miller</t>
  </si>
  <si>
    <t>Consiglio Sopra Las Angles Pestilentia Qui in Padoa dell'anno 1555</t>
  </si>
  <si>
    <t>Perchacino, Gracioso</t>
  </si>
  <si>
    <t>Dimensions: 14 cm, Provenance: Book-plate: Brushfield, T.N., Bibliographical Note: S.T.C 10879, Other Names: Hester, John (Translator), Class Number: 61, priref: 10861</t>
  </si>
  <si>
    <t>Francesco Frigimelica</t>
  </si>
  <si>
    <t>De Vrinarvm Ac Pvlsvvm ivdiciis</t>
  </si>
  <si>
    <t>LXVIII</t>
  </si>
  <si>
    <t>Arnold Birckmanns Erben</t>
  </si>
  <si>
    <t>Statement of Responsibility: Theophrasti Paracelsi ... eiusdem physionomia, quantum medico opus est. Omnia typis ac annotationibus undiq; illustrata, &amp; in gratiam Paracelsicae Medicinae studioforum nunc primum publicata., Publication Statement: Coloniae : apud haeredes Arnoldi Birckmanni, Anno D. M. LXVIII, Illustrations: woodcut illustration (portrait), Dimensions: 20 cm (4to), Provenance: Copy 9884-1: Roberts and Watson note that this copy might be Dee's, though there are no annotations.; Copy 9884-1: Former shelfmark on title page: 'Y.79'., General Note: Errata on last leaf.; Colophon: 'Coloniae : typis Gerardi Virendunck'.; Copy 9884-1: Dorchester No. D106/16, Citation Note: Copy 9884-1: Roberts and Watson, 2223, Collection: John Dee; Dorchester, Genre: Shelf marks; Printers' devices; Errata lists; Woodcut illustrations, Other Names: Dorchester, Henry Pierrepont, Marquis of, 1606-1680 (Donor), priref: 39343</t>
  </si>
  <si>
    <t>Science and Modern Civilisation: the Harveian Oration: Delivered before the Royal College of Physicians, October 18,1897</t>
  </si>
  <si>
    <t>Statement of Responsibility: by Sir William Roberts, Dimensions: 20 cm, Binding Method: Hardback, Series: Harveian oration, Series Number: 1897, Collection: UK Medical Heritage Library, Genre: Lectures, Class Number: C06.091.4, Websites: &lt;a href=https://archive.org/details/rcplondon?&amp;and=b24976039""&gt;View online via the Internet Archive&lt;/a&gt;; &lt;a href=""http://wellcomelibrary.org/player/b24976039""&gt;View online via the Wellcome Library&lt;/a&gt;; &lt;a href=""https://ukmhl.historicaltexts.jisc.ac.uk/ukmhl-b24976039""&gt;View online via Jisc Historical Texts&lt;/a&gt;"", priref: 27402</t>
  </si>
  <si>
    <t>Sir William Roberts</t>
  </si>
  <si>
    <t>Pestilential Cholera [Anonymous]</t>
  </si>
  <si>
    <t>Statement of Responsibility: von Dr. Ludwig Choulant, Dimensions: 23 cm, Provenance: Autograph: Payne, J.F; Book-plate: Payne, J.F, Series: Geschichte und Literatur der aÌˆlteren Medicin, Series Number: 1, General Note: Pages interleaved.; Second title-page: 'Geschichte und Literatur der alteren Medicin, Th. 1'., Genre: Bibliographies, Other Names: Payne, Joseph Frank, 1840-1910 (Former owner), Class Number: 016:61(3), priref: 6511</t>
  </si>
  <si>
    <t>James Copland</t>
  </si>
  <si>
    <t>To Promote the Experimental Analysis of the Human Blood. Essay the First</t>
  </si>
  <si>
    <t>Leake, James</t>
  </si>
  <si>
    <t>Statement of Responsibility: by Richard Davies, Dimensions: 20 cm, General Note: With an additional titlepage: 'Essays to promote the experimental analysis of the human blood'.; No more published., priref: 8388</t>
  </si>
  <si>
    <t>Robert James Graves, M. D., M. R. I. A</t>
  </si>
  <si>
    <t>Statement of Responsibility: Robert James Graves, Illustrations: portrait, Dimensions: 18 cm, Bibliographical Note: Bibliography, Genre: Biographies, Class Number: 92 GRA, priref: 200002363</t>
  </si>
  <si>
    <t>Robert James Graves</t>
  </si>
  <si>
    <t>Extrait de Las Angles notice sur l'Ã©tablissement pour le traitement des aliÃ©nations mentales et des affections nerveuses fondÃ©? pour les deux sexes (en 1822) a Vanves, prÃ¨s Paris</t>
  </si>
  <si>
    <t>Chassaignon</t>
  </si>
  <si>
    <t>Statement of Responsibility: par les Drs Voisin et Falret, Publication Statement: Paris : impr. de Chassaignon, 1854, Dimensions: 23 cm, Collection: UK Medical Heritage Library, Websites: &lt;a href=https://archive.org/details/rcplondon?&amp;and=b24976416""&gt;View online via the Internet Archive&lt;/a&gt;; &lt;a href=""http://wellcomelibrary.org/player/b24976416""&gt;View online via the Wellcome Library&lt;/a&gt;; &lt;a href=""https://ukmhl.historicaltexts.jisc.ac.uk/ukmhl-b24976416""&gt;View online via Jisc Historical Texts&lt;/a&gt;"", priref: 33074</t>
  </si>
  <si>
    <t>FÃ©lix Voisin, Jules Falret</t>
  </si>
  <si>
    <t>Four Chiefs of the G. R. I.: Dr Harry Rainy Dr Andrew Buchanan, Dr John Gibson Fleming, Sir William Tennant Gairdner</t>
  </si>
  <si>
    <t>John N. M'kinlay &amp; Co.</t>
  </si>
  <si>
    <t>Statement of Responsibility: Maitre Bontoux, avocat, Dimensions: 26 cm., Bibliographical Note: Imprint and statement of responsibility from end of text; Woodcut initial and headpieces; Copy bound with: 23 related pieces (contents list in MS on inserted leaves at end); Copy binder's title: French theses; Copy provenance: ffep inscr. Collegii Medicini Londinensi libellum hinc summa cum observantia ? d d d J.L.? Seward 1794, Class Number: 378.961, priref: 59894</t>
  </si>
  <si>
    <t>James Wallace Anderson</t>
  </si>
  <si>
    <t>De motu cordis. (Theorema 6)</t>
  </si>
  <si>
    <t>MDCXCV</t>
  </si>
  <si>
    <t>Statement of Responsibility: Joannes Baptista Scaramucci, Dimensions: 20 cm, General Note: Photocopy, Class Number: 612.13, priref: 28605</t>
  </si>
  <si>
    <t>Joannes Baptista Scaramucci</t>
  </si>
  <si>
    <t>Experiments on the Insensible Perspiration of the Human Body, Shewing Its Affinity to Respiration. Published Originally in 1779, and Now Republished with Additions and Corrections</t>
  </si>
  <si>
    <t>Publication Statement: 1682, Dimensions: 23 cm, Other Names: Teuber, Johann Friedrich (Respondent); Crause, Rudolf Wilhelm (Praeses), priref: 7702</t>
  </si>
  <si>
    <t>William Cruikshank</t>
  </si>
  <si>
    <t>Catalogus Librorum J. Baggeri</t>
  </si>
  <si>
    <t>MDCXCIV</t>
  </si>
  <si>
    <t>Typis J. Hog</t>
  </si>
  <si>
    <t>Dimensions: 21 cm, Other Names: Motteux, Peter (Translator), priref: 1856</t>
  </si>
  <si>
    <t>Hans Bagger</t>
  </si>
  <si>
    <t>Publications de Las Angles SociÃ©tÃ© ArchÃ©ologique de Montpellier</t>
  </si>
  <si>
    <t>Jun 1879</t>
  </si>
  <si>
    <t>June, 1879</t>
  </si>
  <si>
    <t>Jean Martel aine [printer]</t>
  </si>
  <si>
    <t>Statement of Responsibility: By John Parkin., Publication Statement: MDCCCLXXVII, Dimensions: 23 cm, Provenance: Note on pastedown: Presented by the Wellcome Historical Medical Library 18/8/58; Book-stamp on pastedown: Percival Pearse, Bookseller &amp; Stationer, Warrington, Collection: Heberden, priref: 48071</t>
  </si>
  <si>
    <t>43.61092,3.87723</t>
  </si>
  <si>
    <t>Josephi Laurentii, Lucensis, de medicis et balneis antiquorum schediasma.: Ad Jac. Gaddioum patritium flor</t>
  </si>
  <si>
    <t>Statement of Responsibility: Omnia hÃ¦c, collatione uetustissimorum exemplarium, magna fide ac diligentia emendata &amp; restituta, necnon aliquot locis aucta: ut hic liber plane nunc primum e tenebris erutus, in lucem prodijsse dici possit, quemadmodum in calce operis uidere licet.., Publication Statement: M. D. XXXVIII, Bibliographical Note: First part of title transliterated from Greek., priref: 59694</t>
  </si>
  <si>
    <t>Affectionum quae discuntur hystericÃ¦ &amp; hypochondriacÃ¦ pathologia spasmodica vindicata, contra responsionem epistolarem Nathanael Highmori, M. D. Cui accesserunt exercitationes medico-physicÃ¦ duÃ¦, 1. De sanguinis accensione. 2. De motu musculari</t>
  </si>
  <si>
    <t>MDCLXX</t>
  </si>
  <si>
    <t>Allestry, James</t>
  </si>
  <si>
    <t>Statement of Responsibility: Studio Tho. Willis M. D. Natur. philosophiae professoris Oxon. necnon inclyti Medic. Coll. Londin. &amp; Societat. Reg. Socii., Publication Statement: Londini : Apud Jacobum Allestry, societatis RegiÃ¦ typographum, in Coemeterio D. Pauli, MDCLXX, Illustrations: ill., port., Dimensions: 21 cm, Provenance: Ms. note (title-page): Unidentified script, Bibliographical Note: Referenced: Wing (2nd ed.), W2821, Class Number: 61, priref: 34327</t>
  </si>
  <si>
    <t>The Nature of Man: a Poem. In Three Books</t>
  </si>
  <si>
    <t>MDCCXI</t>
  </si>
  <si>
    <t>S. Buckley</t>
  </si>
  <si>
    <t>Dimensions: 20 cm, Class Number: C08 BLA, priref: 3669</t>
  </si>
  <si>
    <t>The Milroy Lectures on Industrial Anthrax: Delivered before the Royal College of Physicians of London on March 7th, 9th, and 14th, 1905</t>
  </si>
  <si>
    <t>March 18, 25, and April 1, 1905</t>
  </si>
  <si>
    <t>March 18-April 1, 1905</t>
  </si>
  <si>
    <t>Statement of Responsibility: by T.M. Legge, Corporate Author: Royal College of Physicians of London, Publication Statement: Printed at the Lancet Office, Dimensions: 21 cm, Series: Milroy lectures, Series Number: 1905, General Note: Cover title: The Milroy lectures.; Reprinted from The Lancet 18, 25 March and 1 April 1905, Bibliographical Note: Includes bibliographic footnotes, Collection: Donald Hunter; UK Medical Heritage Library, Genre: Lectures, Class Number: C042, Websites: &lt;a href=https://archive.org/details/rcplondon?&amp;and=b24976647""&gt;View online via the Internet Archive&lt;/a&gt;; &lt;a href=""http://wellcomelibrary.org/player/b24976647""&gt;View online via the Wellcome Library&lt;/a&gt;; &lt;a href=""https://ukmhl.historicaltexts.jisc.ac.uk/ukmhl-b24976647""&gt;View online via Jisc Historical Texts&lt;/a&gt;"", priref: 38401</t>
  </si>
  <si>
    <t>An Account of the Expedition of the British Fleet to Sicily, in the Years 1718, 1719, and 1720, from the Admiral's Mss. And Other Papers, [By T.Corbett]</t>
  </si>
  <si>
    <t>Corporate Author: Worshipful Society of Apothecaries of London, Dimensions: 16cm, Binding Method: Hardback, Bibliographical Note: Wing P3497.; No more published., Class Number: C9, priref: 29968</t>
  </si>
  <si>
    <t>George Byng, Thomas Corbett</t>
  </si>
  <si>
    <t>The Medical Examiner and Record of Medical Science: New Series, No. 1, January 1845</t>
  </si>
  <si>
    <t>Statement of Responsibility: University of London, Corporate Author: University of London, Publication Statement: Sold by Richard and John E. Taylor, printers to the University of London, Dimensions: 24 cm, Collection: UK Medical Heritage Library, Websites: &lt;a href=http://wellcomelibrary.org/player/b28040272""&gt;View online via the Wellcome Library&lt;/a&gt;; &lt;a href=""https://archive.org/details/rcplondon?&amp;and=b28040272""&gt;View online via the Internet Archive&lt;/a&gt;; &lt;a href=""https://ukmhl.historicaltexts.jisc.ac.uk/ukmhl-b28040272""&gt;View online via Jisc Historical Texts&lt;/a&gt;"", priref: 60458</t>
  </si>
  <si>
    <t>Corporate Author: Royal College of Physicians of London, Publication Statement: Printed for H.M.S.O. by Harrison and Sons, Dimensions: 22 cm, Provenance: Item number 43883 donated by Dr Robb-Smith, General Note: An earlier printing of the 2nd edition was made in 1884.; Latin, French, German and Italian equivalents for the English names of diseases., Collection: UK Medical Heritage Library, Other Names: Ord, William M. (William Miller), 1834-1902 (Editor); Robb-Smith, Alastair Hamish Tearloch (Donor), Class Number: C616, Websites: &lt;a href=https://archive.org/details/rcplondon?&amp;and=b24976829""&gt;View online via the Internet Archive&lt;/a&gt;; &lt;a href=""http://wellcomelibrary.org/player/b24976829""&gt;View online via the Wellcome Library&lt;/a&gt;; &lt;a href=""https://ukmhl.historicaltexts.jisc.ac.uk/ukmhl-b24976829""&gt;View online via Jisc Historical Texts&lt;/a&gt;"", priref: 46559</t>
  </si>
  <si>
    <t>Practical Observations on the Cure of Hectic and Slow Fevers, and the Pulmonary Consumption: To Which Is Added, a Method of Treating Several Kinds of Internal Hemorrhages</t>
  </si>
  <si>
    <t>J. Callow; W. Smith</t>
  </si>
  <si>
    <t>Statement of Responsibility: by Moses Griffith, M.D. Of the Royal College Of Physicians, London, Publication Statement: London : printed for J. Callow, No. 10, Crown Court, near Princeâ€™s Street, Soho. 1799. W. Smith, printer, No. 49, King Street, Seven Dials, London, Dimensions: 21 cm (8vo), Binding: Item disbound from a larger volume of tracts, Provenance: Purchased from Mike Phelps, bookseller, March 2015, Citation Note: ESTC N12171, Class Number: 616.9</t>
  </si>
  <si>
    <t>Moses Griffith</t>
  </si>
  <si>
    <t>Nathanaelis Highmori De hysterica &amp; hypochondriaca passione: responsio epistolaris ad Doctorem Willis â€¦</t>
  </si>
  <si>
    <t>Sumptibus Roberti Clavel</t>
  </si>
  <si>
    <t>Dimensions: 20 cm, Bibliographical Note: Wing H 1967., priref: 15038</t>
  </si>
  <si>
    <t>Nathaniel Highmore</t>
  </si>
  <si>
    <t>[Eis ten Tetrabiblon tou Ptolemaiou exegetes anonymos]. =: In Claudii Ptolemaei Quadripartitum enarrator ignoti nominis, quem tamen Proclum fuisse quidam existimant. Item [Porphyriou philosophou Eisagoge eis ten apotelesmatiken tou Ptolemaiou]. = Porphyrii philosophi Introductio in Ptolemaei opus de effectibus astrorum. Praeterea Hermetis philosophi de reuolutionibus natiuitatum libri duo, incerto interprete</t>
  </si>
  <si>
    <t>Publication Statement: Anno M. D. LIX. Mense Septembri., Dimensions: 33 cm, Binding: Binding: Modern repair of late 17th? century calf on pasteboard with blind-tooled fillet outer border &amp; inner panel and gilt fleurons to corners &amp; center. Title and date in gold on spine with blind-stamped design. Remnants of brown ties remain. 20th-century paper with 'Stevens's Facsimiles' watermark used in pastedowns., Provenance: Saunder's signature may cover bleached autograph of John Dee (see Roberts and Watson, facsimile entry number 137).; Copy number 8021: Roberts and Watson note this is probably"" Dee's copy - ""it is signed 'Nich: Saunder: 1583' over another bleached-out name, Series: but it has no Dee notes"".; Autograph on title-page: 'Nich. Saunder: 1583:'"", Bibliographical Note: Printer and date of publication from colophon; Parts of title transliterated from Greek (Copac); Includes index; Woodcut printer's device on final page; woodcut initials; Third work has own half-title page and prefatory dedication to Paulo Haintzelio, signed by Hieronymus Vuolfius. Work is a Latin translation of a Greek work by Abu Ma'shar (BL); First two works in two columns (Greek and Latin); third work in Latin only; Misprinted page numbers: 139 instead of 140; 110 instead of 144; 217 instead of 207.; Copy number 8021: Dorchester number D18/7, Citation Note: Includes index, Summary: Roberts and Watson, 147, Preservation Note: Greek, Ancient; Latin, Other Names: Printers' devices; Woodcut illustrations; Edge titles; Autographs, Class Number: Dee, John, 1527-1608 (Former owner); Dorchester, Henry Pierrepont, Marquis of, 1606-1680 (Donor); Saunder, Nicholas, 1563-1649 (Former owner), Child: 39851</t>
  </si>
  <si>
    <t>, , , Trismegistus Hermes</t>
  </si>
  <si>
    <t>Disputationes theologicÃ¦ in primam partem [Summae theologicae] D. ThomÃ¦</t>
  </si>
  <si>
    <t>Harvey's Work Considered in Relation to Scientific Knowledge and University Education in His Time (Harveian Oration, 1917)</t>
  </si>
  <si>
    <t>Statement of Responsibility: by Robert Saunby, Dimensions: 22 cm, Binding Method: Hardback, Series: Harveian oration, Series Number: 1917, General Note: Delivered before the Royal College of Physicians of London on October 18, 1917, Bibliographical Note: Reprinted from The Lancet, 27 October 1917, Genre: Lectures, Class Number: C06.091.4, priref: 28366</t>
  </si>
  <si>
    <t>Robert Saundby</t>
  </si>
  <si>
    <t>Chronicon Carionis expositum et auctum multis et veteribus et recentibus historiis: in descriptionibus regnorum et gentium antiquarum, &amp; narrationibus rerum ecclesiasticarum, &amp; politicarum, Graecarum, Romanarum, Germanicarum &amp; aliarum, ab exordio mundiusq[ue] ad Carolum quintum imperatorum</t>
  </si>
  <si>
    <t>Krafft, Johann</t>
  </si>
  <si>
    <t>Statement of Responsibility: A Philippo Melanthone et Casparo Peucero. Adiecta est narratio de electione &amp; coronatione Caroli V imperatoris., Publication Statement: Witebergae : Excudebat Iohannes Crato anno M. D. LXXII, Illustrations: port., Dimensions: 35 cm (fol.), Binding: Copy 10719: blind-stamped stiffened vellum binding on 5 raised bands., Provenance: Copy 10719: Roberts and Watson note that this copy 'may well be Dee's as the notes on the ancestry of Henry VII and origins of the Welsh in the index look like his'.; Copy 10719: fore-edge title in a hand similar to John Dee's.; Copy 10719: former shelf-mark on upper flyleaf: 'C-10'., General Note: Copy 10719: Dorchester No. D126/5, Citation Note: Copy 10719: Roberts and Watson, 135, Collection: John Dee; Dorchester, Genre: Edge titles; Vellum bindings; Blind tooled bindings; Raised bands; Shelf marks; Annotations, Other Names: Dee, John, 1527-1608 (Former owner); Dorchester, Henry Pierrepont, Marquis of, 1606-1680 (Donor), priref: 36193</t>
  </si>
  <si>
    <t>Kaspar Peucer, Philipp Melanthon, Johannes Carion</t>
  </si>
  <si>
    <t>Archimedis Opera non nulla</t>
  </si>
  <si>
    <t>Organum uranicum</t>
  </si>
  <si>
    <t>MDXXXVI</t>
  </si>
  <si>
    <t>Apvd Henricvm Petrvm</t>
  </si>
  <si>
    <t>Sebastianvs Mvnstervs</t>
  </si>
  <si>
    <t>Le chirurgien anglais Edouard Acton et l'inoculation a Besancon au XVIIIe siÃ¨cle</t>
  </si>
  <si>
    <t>Imprimerie et Lithographie Dodivers</t>
  </si>
  <si>
    <t>Statement of Responsibility: by Alban Doran, Illustrations: illustrations, Dimensions: 26 cm, Provenance: Autograph: Doran, Alban Henry Griffith; Association: Church, William Selby (Sir), Bibliographical Note: Bibliography, Class Number: 618.2-7'17', priref: 200001650</t>
  </si>
  <si>
    <t>47.237829,6.0240539</t>
  </si>
  <si>
    <t>M. Georges Gazier</t>
  </si>
  <si>
    <t>Letter from Frederic Rogers to Henry Pitman</t>
  </si>
  <si>
    <t>December 14, 1864</t>
  </si>
  <si>
    <t xml:space="preserve">Letter from Frederic Rogers to Henry Pitman </t>
  </si>
  <si>
    <t>The Boock of Physicke... Trans. Out of Low-Duche by A. M.</t>
  </si>
  <si>
    <t>I. Caen</t>
  </si>
  <si>
    <t>Dimensions: 30 cm, Provenance: Autograph: Dickson, Ann (1621), Bibliographical Note: S.T.C. 11513; MS. notes, Other Names: Gaebelkhovern, Osswaldt (Translator), Class Number: 61, priref: 12099</t>
  </si>
  <si>
    <t>Eliza: an Epick Poem in Ten Books</t>
  </si>
  <si>
    <t>Printed for Chetwood, W. R. (William Rufus), -1766</t>
  </si>
  <si>
    <t>Dimensions: 32 cm, Binding Method: Hardback, Provenance: Autograph: Bradshawe, Henry, Class Number: C08, priref: 3664</t>
  </si>
  <si>
    <t>Statistical Facts Descriptive of the Former and Present State of Glasgow</t>
  </si>
  <si>
    <t>Printed by Bell and Bain</t>
  </si>
  <si>
    <t>Statement of Responsibility: By George Burrows .., Illustrations: illustrations, Dimensions: 23 cm, Provenance: Autograph: Burrows, George (Sir), Series: Lumleian lectures, Series Number: 1843; 1844, General Note: This gives most of the Lumleian Lectures, 1843-4; See also the, 'London Medical Gazette', volume 32, 1843, pp.145-52, 184-92, and 289-97; Final 16 page. with publisher's advertisements, Bibliographical Note: Bibliography, Genre: Lectures, Class Number: 616.8, priref: 5383</t>
  </si>
  <si>
    <t>James Cleland</t>
  </si>
  <si>
    <t>The Tryal of Mr. D. Sutton for the High Crime of Preserving the Lives of His Majesty's Liege Subjects by Means of Inoculation</t>
  </si>
  <si>
    <t>Dimensions: 28 cm, Bibliographical Note: 2 copies.; One copy 4to Tr. 56(2)., Class Number: 61, priref: 29915</t>
  </si>
  <si>
    <t>Daniel Sutton</t>
  </si>
  <si>
    <t>The Papers Set for the Examinations for the Diploma in Public Health of the Royal College of Physicians of London and the Royal College of Surgeons of England during the Year 1899</t>
  </si>
  <si>
    <t>Statuta moralia Collegii Regalis Medicorum Londinensium</t>
  </si>
  <si>
    <t>MDCCXXII</t>
  </si>
  <si>
    <t>Corporate Author: Royal College of Physicians of London, Dimensions: 20 cm, Class Number: C340.3, priref: 17118</t>
  </si>
  <si>
    <t>The Baking Cure</t>
  </si>
  <si>
    <t>Bibliographical Note: Bibliography, Other Names: Garrod, Archibald E. (Archibald Edward), Sir, 1857-1936 (Translator), priref: 42532</t>
  </si>
  <si>
    <t>W. B. Northrop</t>
  </si>
  <si>
    <t>Antonii Mvsae Brassavoli medici Ferrariensis De medicamentis tam simplicibus, quam compositis catharticis, quÃ¦ vnicuique humori sunt propria â€¦</t>
  </si>
  <si>
    <t>apud Iuntas</t>
  </si>
  <si>
    <t>Statement of Responsibility: A.M. Brasavola, Dimensions: 17 cm., Bibliographical Note: 1-2^8 3^4 a-2d^8 e^4 (leaf 18 blank); Copy: MS. notes; Copy imperfect: lacks leaves 11-8., Class Number: 61, priref: 4631</t>
  </si>
  <si>
    <t>Antonio Musa Brasavola</t>
  </si>
  <si>
    <t>On the Effects of Lead upon the System, and on the Mode in Which Water Is Rendered Impure Byâ€¦ Lead</t>
  </si>
  <si>
    <t>Printed by Savill and Edwards</t>
  </si>
  <si>
    <t>Statement of Responsibility: par J.D. Arthur Sibille, de la Flotte, Dimensions: 28 cm, General Note: On title page: 'No 190', Collection: Heberden, Genre: Academic dissertations, priref: 61023</t>
  </si>
  <si>
    <t>Sir James Alderson</t>
  </si>
  <si>
    <t>Curious Case of Simulated Paraplegia: With Remarks on This Disease</t>
  </si>
  <si>
    <t>Dimensions: 22 cm, Bibliographical Note: Caption title; This is an unsigned editorial from the 'Medical-Chirurgical Review', n.s., volume 2, October 1845; Bound in volume lettered Medico-legal tracts,12., Class Number: 340.6, priref: 8041</t>
  </si>
  <si>
    <t>A Brief Description of the Map of the Ancient World, Preserved in the Cathedral Church of Hereford</t>
  </si>
  <si>
    <t>Printed and Published by T. T. Davies</t>
  </si>
  <si>
    <t>Statement of Responsibility: By William Rowley., Dimensions: 20 cm, Binding: In recent marbled boards; spine label. New endpapers, Provenance: Book-stamp on title-page: Fort Pitt Medical Library, General Note: MS note at head of t.p.: '29 th March 18 -' rest of sentence was cropped off., Collection: Heberden, priref: 48123</t>
  </si>
  <si>
    <t>52.056398,-2.715974</t>
  </si>
  <si>
    <t>Saxe Bannister</t>
  </si>
  <si>
    <t>Disputatio medica inauguralis de febre hectica</t>
  </si>
  <si>
    <t>Publication Statement: 1680, Dimensions: 20 cm, Other Names: Wedel, Georg Wolfgang (Praeses), priref: 2507</t>
  </si>
  <si>
    <t>Joannes Beyer</t>
  </si>
  <si>
    <t>Oratio ex Harveii institu in Ã¦dibus Collegii Regalis Medicorum Londinensis: habita die Junii XXVI. MDCCCLXIII</t>
  </si>
  <si>
    <t>MDCCCLXIII</t>
  </si>
  <si>
    <t>Statement of Responsibility: by Alfred S. Taylor, Publication Statement: 1864?, Dimensions: 22 cm, General Note: Caption title.; Bound in volume lettered Medico-legal tracts, 12., Collection: UK Medical Heritage Library, Genre: Case histories, Class Number: 340.6, Websites: &lt;a href=http://wellcomelibrary.org/player/b28271166""&gt;View online via the Wellcome Library&lt;/a&gt;; &lt;a href=""https://archive.org/details/rcplondon?&amp;and=b28271166""&gt;View online via the Internet Archive&lt;/a&gt;; &lt;a href=""https://ukmhl.historicaltexts.jisc.ac.uk/ukmhl-b28271166""&gt;View online via Jisc Historical Texts&lt;/a&gt;"", priref: 31374</t>
  </si>
  <si>
    <t>Alexander John Sutherland</t>
  </si>
  <si>
    <t>Prattica di mvsica seconda parte. Diuisa, e distinta in quattro libri. Ne qvali primieramente si tratta de gl'elementi musicali, cioÃ¨ de primi principij come necessarij alla tessitura Ã² formatione delle compositioni armoniali. De contrapunti semplici, &amp; artificiosi da farsi in cartella &amp; alla mente sopra cantifermi: e poi mostrandosi come si faccino i contrapunti doppij d'obligo, e con consequenti. Si mostra finalmente come si contessino piÃ¹ fughe sopra i predetti canti fermi, &amp; ordischino cantilene Ã  due, tre, quattro, e piÃ¹ voci</t>
  </si>
  <si>
    <t>MDCXXII</t>
  </si>
  <si>
    <t>Appresso Allessandro Vincenti</t>
  </si>
  <si>
    <t>Bibliographical Note: First part of title transliterated from Greek.; Printer from colophon, priref: 59533</t>
  </si>
  <si>
    <t>Libelli, qui parva naturalia vulgo appellantur, J. Perionio interprete: per Nicolaum Grouchium correcti &amp; emendati</t>
  </si>
  <si>
    <t>ex officina Gabrielis Buon</t>
  </si>
  <si>
    <t>Dimensions: 23 cm, Bibliographical Note: MS. notes.; Bound with his De natura. 1565., Collection: Dorchester, priref: 35573</t>
  </si>
  <si>
    <t>A Brief Memoir Concerning the Typhus Fever Prevailing in Aberdeen during 1818 and 1819</t>
  </si>
  <si>
    <t>Printed for J.Booth, Jun</t>
  </si>
  <si>
    <t>Dimensions: 28 cm, priref: 16454</t>
  </si>
  <si>
    <t>57.149715,-2.094278</t>
  </si>
  <si>
    <t>George Kerr</t>
  </si>
  <si>
    <t>Pauli Principis De La Scala Et Hun, Marchionis Veronae, &amp;c. Domini Creutzburgi Prussiae. Miscellaneorum de rerum caussis, et successibus &amp; de secretiore quadam methodo qua euersiones omnium regnorum vniuersi orbis, &amp; futurorum series erui possint, Libri septem â€¦</t>
  </si>
  <si>
    <t>Graminaeus, Theodor</t>
  </si>
  <si>
    <t>Dimensions: 34 cm, Binding: Binding: SU, Collection: Dorchester, Genre: Herbals, priref: 40310</t>
  </si>
  <si>
    <t>Eminent Medical Men: Dr Wilson Fox</t>
  </si>
  <si>
    <t>Statement of Responsibility: Arthur Kinglake, Illustrations: portrait, Dimensions: 25 cm, Provenance: Donated by Frederick A. Tubbs, General Note: Photocopy, Genre: Biographies, Other Names: Tubbs, Frederick A (Donor), Class Number: 92 FOX, priref: 200003350</t>
  </si>
  <si>
    <t>Arthur Kinglake, Dr. Wilson Fox</t>
  </si>
  <si>
    <t>The Effect of the Nitrous Vapour, in Preventing and Destroying Contagion: Ascertained, from a Variety of Trials, Made Chiefly by Surgeons of His Majesty's Navy, in Prisons, Hospitals, and on Board of Ships: With an Introduction Respecting the Nature of the Contagion, Which Gives Rise to the Jail or Hospital Fever; and the Various Methods Formerly Employed to Prevent or Destroy This</t>
  </si>
  <si>
    <t>Statement of Responsibility: by James Carmichael Smyth, Publication Statement: Printed for J. Johnson, Dimensions: 24 cm, General Note: One of 2 issues in 1799., priref: 30112</t>
  </si>
  <si>
    <t>James Carmichael Smyth</t>
  </si>
  <si>
    <t>The Harveian Oration, 1865</t>
  </si>
  <si>
    <t>Statement of Responsibility: by Henry W. Acland, Dimensions: 23, 20 cm, Binding Method: Hardback, Series: Harveian oration, Series Number: 1865, General Note: Lecture entitled: On Harvey's methods of discovery in relation to modern science, delivered at the Royal College of Physicians of London; First lecture is in English, Bibliographical Note: Includes bibliographical references, Exhibition Note: Ceaseless motion: William Harvey's experiments in circulation, Genre: Lectures, Class Number: C06.091.4, priref: 23861</t>
  </si>
  <si>
    <t>Henry Wentworth Acland</t>
  </si>
  <si>
    <t>Intestinal Obstruction</t>
  </si>
  <si>
    <t>MDCCCLXVII</t>
  </si>
  <si>
    <t>Statement of Responsibility: by W. Brinton; edited by T. Buzzard, Illustrations: illustrations, Dimensions: 21 cm, Series: Croonian lectures, Series Number: 1859, General Note: Based on the author's Croonian lectures, 1859., Bibliographical Note: Includes bibliographical references., Genre: Lectures, Other Names: Buzzard, Thomas (Editor), Class Number: C042, priref: 4967</t>
  </si>
  <si>
    <t>William Brinton</t>
  </si>
  <si>
    <t>D. m. exhibens aegrum epilepticum</t>
  </si>
  <si>
    <t>Martii MDCLXXIII</t>
  </si>
  <si>
    <t>March, 1673</t>
  </si>
  <si>
    <t>Dimensions: 20cms., Bibliographical Note: Dissertation, Other Names: Wedel, Georg Wolfgang (Praeses), priref: 33806</t>
  </si>
  <si>
    <t>Simon Zeideler</t>
  </si>
  <si>
    <t>[Illustrations to Accompany] Dr. Payne's Paper on English Herbals</t>
  </si>
  <si>
    <t>17th February, 1908</t>
  </si>
  <si>
    <t>Bibliographical Society</t>
  </si>
  <si>
    <t>Statement of Responsibility: Marcus Paterson, Illustrations: illustrations, photographs, Dimensions: 28 cm, Binding Method: Hardback, Provenance: Autograph: Paterson, Marcus Sinclair; Donated by Dr Brooks, Other Names: Paterson, Marcus Sinclair (Inscriber), Class Number: 616.24-002.5, priref: 24258</t>
  </si>
  <si>
    <t>Dr. Joseph Frank Payne</t>
  </si>
  <si>
    <t>Theoria physica essentiae vitae et mortis</t>
  </si>
  <si>
    <t>MDCXXIX</t>
  </si>
  <si>
    <t>Typis Haeredum S. Auerbach</t>
  </si>
  <si>
    <t>Corporate Author: Coorg Medical Department, Publication Statement: 1874-5, Dimensions: 28 cm, priref: 7397</t>
  </si>
  <si>
    <t>Disputatio medica inauguralis, de vertigine</t>
  </si>
  <si>
    <t>MDCXLI</t>
  </si>
  <si>
    <t>ex off W. Christiani</t>
  </si>
  <si>
    <t>Dimensions: 21 cm, Class Number: C08 BLA, priref: 3676</t>
  </si>
  <si>
    <t>George Bowle</t>
  </si>
  <si>
    <t>Two Acts of Parliament for Establishing and Well Governing the General Hospital at Bath</t>
  </si>
  <si>
    <t>Printed by John Baskett</t>
  </si>
  <si>
    <t>Statement of Responsibility: By John Sinclair., Publication Statement: 18--, Dimensions: 22 cm, Bibliographical Note: Extracted from unknown source; Catalogued from head of text; Bound in volume lettered Medico-legal tracts, 7., priref: 60479</t>
  </si>
  <si>
    <t>Dissertatio medica inauguralis de iride</t>
  </si>
  <si>
    <t>I. G. Kohlesii (typis)</t>
  </si>
  <si>
    <t>Publication Statement: 1710, Dimensions: 21 cm, Bibliographical Note: Bibliography, priref: 14563</t>
  </si>
  <si>
    <t>Albertus Heering</t>
  </si>
  <si>
    <t>Disputationum medicarum quinta de lienis &amp; glandularum usu</t>
  </si>
  <si>
    <t>apud J. Elsevirium</t>
  </si>
  <si>
    <t>Dimensions: 23 cms, Bibliographical Note: Dissertation., Other Names: Stahl, Georg Ernst (Praeses); Fritsch, Johann Christoph (Respondent), priref: 30346</t>
  </si>
  <si>
    <t>Galeni De sanitate tuenda libri sex</t>
  </si>
  <si>
    <t>Le Rouge, Guillaume</t>
  </si>
  <si>
    <t>Statement of Responsibility: Thoma Linacro Anglo interprete, Publication Statement: Impressum Parisiis per honestum virum Guilielmum Rubeum Typographum. Anno nostre reparationis. M.D.xvij vndecimo calendas Septembris ie 22 August, Illustrations: woodcut illustrations, Dimensions: 33 cm, Provenance: Copy number 14244: manuscript inscription by Thomas Linacre to Richard Fox, bishop of Winchester.; Copy number 14244: some 16th- or 17th-century manuscript annotations in Latin in the margins, possibly in more than one hand., General Note: Imprint from colophon, folio 76.; Title page has woodcut border with portraits of Galen and Linacre.; Printer's device on folio 76.; Errata list on folios 76v-77r.; At foot of title page: 'Habetur venale sub pellicano in vico Iacobeo.'; Corrected reprint with Impressum"" instead of ""Impressnm"" in colophon. -- cf. Adams G103/G104.; Numerous errors in foliation, Bibliographical Note: which runs as follows: XXVIIII leaves, Citation Note: leaf XXVX, Summary: XXXI-LVI, Preservation Note: LIX-LXIII leaves, Exhibition Note: leaf LXV, Collection: leaf LVI, Genre: leaf LXXVI.; Spaces left with guide letters for initials.; Signatures: a-iâ¶ K-Mâ¶ Nâ¸ (final leaf blank).; With printed marginalia.; Variant (later?) state of Durling 1926.; Copy number 14244: borders ruled in red on each page.; Copy number 14244: capitals have been filled in yellow throughout."", Class Number: Adams, G104, Continued by: Latin, Images: Galenic Medicine; Health; Hygiene, priref: Ancient History, Parent: Woodcut illustrations; Annotations; Printers' devices; Errata lists; Marginalia, Rating: Linacre, Thomas, 1460-1524 (Translator); Fox, Richard, approximately 1447- (Former owner), E-ISBN: 615.8</t>
  </si>
  <si>
    <t>The Annual Address Delivered to the Royal College of Physicians: on Monday the 11th of April 1892</t>
  </si>
  <si>
    <t>Statement of Responsibility: by Sir Andrew Clark, Corporate Author: Royal College of Physicians of London, Dimensions: 21 cm, Series: Royal College of Physicians of London. Presidential addresses, Series Number: 1892, General Note: Sir Andrew Clark was President of the Royal College of Physicians from 1888-1892., Class Number: C91, priref: 6753</t>
  </si>
  <si>
    <t>Andrew Clark</t>
  </si>
  <si>
    <t>Guidi Ubaldi e Marchionibus Montis Mecanicorum liber: in quo haec continentur. De libra, De vecte, De trochlea, De axe in peritrocheo, De cuneo, De cochlea</t>
  </si>
  <si>
    <t>MDCXV</t>
  </si>
  <si>
    <t>Apud Euangelistam Deuchinum</t>
  </si>
  <si>
    <t>Publication Statement: M. DC. XV, Illustrations: ill. (woodcuts), Dimensions: 29 cm, Provenance: Annotation on fly-leaf recto: 'Y 180' Former shelfmark?; Initials on title-page imprint: 'WA', Bibliographical Note: Printer's device with motto 'His sufulta' on title page; Head-pieces, initials, printed marginal notes., Collection: Dorchester, Genre: Initials; Annotations, priref: 39054</t>
  </si>
  <si>
    <t>Bibliotheca Scarburghiana; Or a Catalogue of the Incomparable Library of Sir S. C â€¦</t>
  </si>
  <si>
    <t>C. Bateman</t>
  </si>
  <si>
    <t>Publication Statement: 1695, Dimensions: 21cm, Bibliographical Note: Sale catalogue.; Wing S 820., Class Number: C92 SCA, priref: 28608</t>
  </si>
  <si>
    <t>Cases of Goitre: With Observations</t>
  </si>
  <si>
    <t>May 1849</t>
  </si>
  <si>
    <t>May, 1849</t>
  </si>
  <si>
    <t>Illustrations: Illus, map, Dimensions: 51 cms, Bibliographical Note: Previous location SL(ef) 31j, Class Number: 615.322:582.972, priref: 33875</t>
  </si>
  <si>
    <t>Somerville Scott Alison</t>
  </si>
  <si>
    <t>De lateribus et angulis triangulorum, tum planorum rectilineorum, tum sphaericorum, libellus eruditissimus &amp; utilissimus, cum ad plerasque Ptolemaei demonstrationes intelligendas, tum uero ad alia multa</t>
  </si>
  <si>
    <t>Lufft, Hans</t>
  </si>
  <si>
    <t>Publication Statement: Vittembergae : Excusum Vittembergae per Iohannem Lufft. Anno M. D. XLII, Illustrations: illustrations, Dimensions: 21 cm (4to), Provenance: Copy 7912: Roberts and Watson note that 'it is signed Joannes Deeus 1553. 9. Februar. Londini"" on the title page ... there is one Dee note in the text A2v'."", General Note: Woodcut border to title page. Woodcut illustrations in margins.; Copy 7912: Dorchester No. D35/10, Citation Note: Copy 7912: Roberts and Watson, 529, Exhibition Note: Scholar, courtier, magician : the lost library of John Dee, Collection: John Dee; Dorchester, Genre: Annotations; Woodcut illustrations; Autographs, Other Names: Dee, John, 1527-1608 (Former owner); Dorchester, Henry Pierrepont, Marquis of, 1606-1680 (Donor), priref: 36428</t>
  </si>
  <si>
    <t>Nicolaus Copernicus</t>
  </si>
  <si>
    <t>Dissertatio inauguralis medica de empyemate</t>
  </si>
  <si>
    <t>XXX jul MDCLXXXVI</t>
  </si>
  <si>
    <t>July 30, 1686</t>
  </si>
  <si>
    <t>Dimensions: 21cms, Other Names: Le Boe, Frans de, 1614-1672 (Praeses); Meyer, Alexander (Defendant), priref: 31883</t>
  </si>
  <si>
    <t>Joh. Lvdovici Fabricii, ss. theol. d. &amp; in archi-palatina professoris, De lvdis scenicis [dialexis] casvistica qvinqvepartita</t>
  </si>
  <si>
    <t>Statement of Responsibility: opera &amp; industria Thomae Cooperi Magdalenensis. ... Accessit dictionarium historicum &amp; poeticum ..., Publication Statement: Denham, Henry, d. 1589?,, Dimensions: 33 cm., Binding: Binding: Contemporary? reversed calf with blind-tooled roll decoration on boards and edges, Bibliographical Note: In this edition, title page has device with a chained bear, standing upright; line 12 of title ends: 'cogni-'; Dedicated to Robert Dudley, Earl of Leicester; ESTC, S121950; STC (2nd ed.), 5689; Bynneman's name from colophon; Denham's name from STC; Floriated initials and tailpieces; Both the first and the last leaf are blank; Copy provenance: 1622 Wigor i.e. of Worcester inscr. in title page device, priref: 59769</t>
  </si>
  <si>
    <t>Lucae Gaurici Geophonensis episcopi Ciuitatensis tractatus astrologicus: in quo agitur de praeteritis multorum hominum, accidentibus per proprias eorum genituras ad unguem examinatis: quorum exemplis consimilibus unusquisq [ue] de medio genethliacus vaticinari poterit de futuris, quippe qui per uarios casus artem experientia fecit, exemplo monstrante viam</t>
  </si>
  <si>
    <t>MDLII</t>
  </si>
  <si>
    <t>NavÃ², Curzio Troiano de, active 1537-1566; Cesano, Bartolomeo</t>
  </si>
  <si>
    <t>Publication Statement: Venetiis : Apud Curtium Troianum NauoÌ€, 1552, Illustrations: woodcut illustrations, Dimensions: 22 cm, Binding: Binding: SU; Contemporary blind-stamped calf., Provenance: Copy 9021: Roberts and Watson note that 'the name which has been washed from the titlepage hay have been his Dee's. There are notes signed J.D."" on fols 2v and 3'."", General Note: Printer's device on title page.; Errata on final leaf.; Colophon: 'Venetijs Apud Bartholomaeum Caesanum Anno M D LII'., Citation Note: Copy 9021: Roberts and Watson, 539, Collection: John Dee; Dorchester, Genre: Blind tooled bindings; Errata lists; Printers' devices; Woodcut illustrations; Annotations, Other Names: Dee, John, 1527-1608 (Former owner); Dorchester, Henry Pierrepont, Marquis of, 1606-1680 (Donor), priref: 37593</t>
  </si>
  <si>
    <t>Luca Gaurico</t>
  </si>
  <si>
    <t>Medicinal Experiments; Or, a Collection of Choice Remedies, for the Most Part Simple, and Easily Prepared</t>
  </si>
  <si>
    <t>printed for Sam. Smith</t>
  </si>
  <si>
    <t>Dimensions: 15 cm, Provenance: Autograph: Skelton, I., Bibliographical Note: Last 11 pp. wanting in one copy; Wing B3989; Fulton 179; MS. notes; Contains a catalogue of the philosophical books by R.B, Class Number: 615, priref: 4271</t>
  </si>
  <si>
    <t>Robert Boyle</t>
  </si>
  <si>
    <t>Praelectio publica de calculo</t>
  </si>
  <si>
    <t>Innys, William</t>
  </si>
  <si>
    <t>Dimensions: 20 cm, Bibliographical Note: Bibliography; This is a photocopy., Class Number: 92 DIC, priref: 3789</t>
  </si>
  <si>
    <t>Herman Boerhaave</t>
  </si>
  <si>
    <t>Oratio quÃ¢ repurgatae medicinae facilis asseritur simplicitas</t>
  </si>
  <si>
    <t>apud J. van der Linden</t>
  </si>
  <si>
    <t>Illustrations: ill., plans, Dimensions: 55 cm, Provenance: Book-plate: Hale, Richard, Bibliographical Note: Four volumes. Tom. 1. Longobardia; Tom. 2. Status Ecclesiasticus; Tom. 3. Regna Neapolis et Sicilliae; Tom. 4. Roma antiqua et nova; Previous location SL 25j-k, priref: 3644</t>
  </si>
  <si>
    <t>D.m.i. de medicamentorum noxis</t>
  </si>
  <si>
    <t>MDCXC</t>
  </si>
  <si>
    <t>F. Halma (ex off.)</t>
  </si>
  <si>
    <t>Dimensions: 20 cm, Provenance: Autograph: Copeman, Edward, Other Names: Copeman, Edward, 1809-1880 (Inscriber), Class Number: 616-053.2(09), priref: 7425</t>
  </si>
  <si>
    <t>Johann Georg Steigerthal</t>
  </si>
  <si>
    <t>A Compleat Treatise of the Muscles, as They Appear in Humane Body, and Arise in Dissection; With Diverse Anatomical Observations Not yet Discoverâ€™D. Illustrated by near Fourty Copper-Plates, Accurately Delineated and Engraven</t>
  </si>
  <si>
    <t>In the Savoy. Printed by Tho. Newcombe for the Author</t>
  </si>
  <si>
    <t>Statement of Responsibility: By John Browne, sworn chiurugeon in ordinary to His Majesty, Illustrations: ill. (plates), Dimensions: 32 cm (fol.), Provenance: Autograph: Bullen, George; MS. letter pasted to fly-leaf verso: We have not the edition of the Browne, 1681, in this Library, but we have those of 1697 and 1698, also the late edition of 1684. I am yours faithfully. Geo. Bullen. Geo. Brocklehurst, Esq.; Former shelfmark on fly-leaf verso: F0 D10 D0 ?; Former shelfmark on title-page: E. oso ?, General Note: Autograph: Bullen, George; MS. letter pasted to fly-leaf verso: We have not the edition of the Browne, 1681, in this Library, but we have those of 1697 and 1698, also the late edition of 1684. I am yours faithfully. Geo. Bullen. Geo. Brocklehurst, Esq.; Former shelfmark on fly-leaf verso: F0 D10 D0 ?; Former shelfmark on title-page: E. oso ?, Bibliographical Note: Imprimatur, a1r: 'Librum hunc (cui titulus Myotomia) dignum judicamus, qui imprimatur, Al. Frasier M.R. Charl. Scarburough M.R. Johannes Wicklethwait Praeses Colleg. Medicor. Londinens. Thomas Witherley Censor. Samuel Collins Censor. Tho. Millington Censor. Edvardus Browne Censor.'; Signatures: pi2 par.2 a-e2, f1, A-O2, chi1, P-Q2, R2(R1+2chi1), S2(S1+3chi1) T2, 4chi1, V2, 5chi1, X2, Y2(Y1+6chi1), Z2(Z1+7chi1), 2A2, 8chi1, 2B2(2B1+9chi1), 2C2,(2C1+10chi1), 2D2, 11chi1, 2E2, 2F2, (2F1+12chi1), 2G-3E2, 13chi1, 3F-3G2, 3H2, (-3H2); Includes index.; Copy 17943 missing frontispiece. Also missing pi2, par.1&amp;2, 3H2; Copy 17943 with cancel and cancelland of p.47-48 and 59-60; Copy 31417 lacking frontis., t.p., a1-2, 3h1-2, plates XII and XXXVII; Copy 31417 with inserted contemporary ms note facing p. 11; Referenced: Wing B5126; Referenced: ESTC, R20507., Class Number: 611.73, priref: 4992</t>
  </si>
  <si>
    <t>On Spinal Injuries of Warfare</t>
  </si>
  <si>
    <t>Printed at the Office of the British Medical Association</t>
  </si>
  <si>
    <t>Illustrations: illustrations, Dimensions: 22 cm, Series: Goulstonian lectures, Series Number: 1915, Bibliographical Note: Bibliography, Genre: Lectures, Class Number: C042, priref: 15682</t>
  </si>
  <si>
    <t>De angina [disputatio]</t>
  </si>
  <si>
    <t>8 Jan MDCXCI</t>
  </si>
  <si>
    <t>January 8, 1691</t>
  </si>
  <si>
    <t>typis M. Schultzii</t>
  </si>
  <si>
    <t>Publication Statement: 1674, Dimensions: 20 cms, Bibliographical Note: Dissertation. G.W.Wedel praeses.; Check date, priref: 31484</t>
  </si>
  <si>
    <t>Christian Ludwig Welsch</t>
  </si>
  <si>
    <t>Sir Victor Horsley: A Study of His Life and Work</t>
  </si>
  <si>
    <t>Statement of Responsibility: by Stephen Paget, Illustrations: illustrations, portrait, Dimensions: 23 cm, Binding Method: Hardback, Genre: Biographies, Class Number: 92 HOR, priref: 25295</t>
  </si>
  <si>
    <t>Stephen Paget</t>
  </si>
  <si>
    <t>On Reinsch's Process for the Detection of Arsenic</t>
  </si>
  <si>
    <t>19th December, 1849</t>
  </si>
  <si>
    <t>December 19, 1849</t>
  </si>
  <si>
    <t>Bell and Bain, Printers</t>
  </si>
  <si>
    <t>Statement of Responsibility: by C. J. and James Paget, Dimensions: 23 cm, priref: 25046</t>
  </si>
  <si>
    <t>Harry Rainy</t>
  </si>
  <si>
    <t>Definitionvm medicarvm liber â€¦</t>
  </si>
  <si>
    <t>apud J. Quesnel</t>
  </si>
  <si>
    <t>Dimensions: 14 cm, Bibliographical Note: Wing L 3243; First word of title transliterated from Greek, Genre: Herbals, Class Number: 615.32:58, priref: 19928</t>
  </si>
  <si>
    <t>Guillaume de Baillou</t>
  </si>
  <si>
    <t>Report [Of] Select Committee [On] Memorial of W. T. G. Morton Asking Remuneration from Congress for Discovery of AnÃ¦sthetic... Properties of Sulphuric Ether [And on Counter-Claim by C. T. Jackson]</t>
  </si>
  <si>
    <t>Corporate Author: United States of America. 32nd Congress, 1st Sess., 1852. House of Representatives, Publication Statement: 1852, Illustrations: Illus., Dimensions: 22 cms, Bibliographical Note: Check date, priref: 32460</t>
  </si>
  <si>
    <t>Dr. William H. Bissell</t>
  </si>
  <si>
    <t>The Ephesian and Cimmerian Matrons, Two Notable Examples of the Power of Love and Wit. [The Cimmerian Matron, by P. M.]</t>
  </si>
  <si>
    <t>H. Herringman</t>
  </si>
  <si>
    <t>Illustrations: illus, Dimensions: 17 cm, Bibliographical Note: Wing C3670.; This is a photocopy., Class Number: C08 CHA, priref: 6298</t>
  </si>
  <si>
    <t>New and Extraordinary Observations Concerning the Prediction of Various Crises by the Pulse; Independent of the Critical Signs Delivered by the Ancients, Made by the Long Experience of Several Eminent Physicians, and Illustrated with Many New Cases and Remarks: To Which Are Added, Some General Hints on the Nature, the Ancient Observance, and Modern Neglect of Crises</t>
  </si>
  <si>
    <t>MDCCL</t>
  </si>
  <si>
    <t>Whiston, John, 1711-1780</t>
  </si>
  <si>
    <t>Statement of Responsibility: by James Nihell, Publication Statement: Printed for John Whiston, Lockyer Davis, and John Ward, Dimensions: 20 cm, General Note: Previous edition: 1741., priref: 23381</t>
  </si>
  <si>
    <t>James Nihell</t>
  </si>
  <si>
    <t>The Danger of Improving Physick, with a Brief Account of the Present Epidemick Fever. [Anon.]</t>
  </si>
  <si>
    <t>J. Wilford</t>
  </si>
  <si>
    <t>Dimensions: 20 cm, Bibliographical Note: Includes discussion of J. Freind's, 'History of physick'; Attributed to William Cockburn by Wellcome Catalogue of Printed Books., priref: 6924</t>
  </si>
  <si>
    <t>William Cockburn</t>
  </si>
  <si>
    <t>Notes on Feigned Insanity</t>
  </si>
  <si>
    <t>February, 1848</t>
  </si>
  <si>
    <t>[Journal of Psychological Medicine?]</t>
  </si>
  <si>
    <t>Dimensions: 27 cms, priref: 26836</t>
  </si>
  <si>
    <t>Charles Lockhart Robertson</t>
  </si>
  <si>
    <t>Ioannis Keppleri Harmonices mundi libri V: quorum primus Geometricus, de figurarum regularium, quae proportiones harmonicas constituunt, ortu &amp; demonstrationibus. Secundus Architectonicus, seu ex geometria figurata, de figurarum regularium congruentia in plano vel solido: tertius proprie Harmonicus, de proportionum harmonicarum ortu ex figuris; deque natura &amp; differentiis rerum ad cantum pertinentium, contra veteres: quartus Metaphysicus, psychologicus &amp; astrologicus, de harmoniarum mentali essentia earumque generibus in mundo; praesertim de Harmonia radiorum, ex corporibus coelestibus in terram descendentibus, eiusque effectu in natura seu anima sublunari &amp; humana: quintus Astronomicus &amp; metaphysicus, de harmoniis absolutissimis motuum coelestium, ortuque eccentricitatum ex proportionibus harmonicis. Appendix habet comparationem huius operis cum harmonices Cl. Ptolemaei libro III. cumque Roberti de Fluctibus, dicti Flud. Medici Oxoniiensis speculationibus harmonicis, operi de macrocosmo &amp; microcosmo insertis</t>
  </si>
  <si>
    <t>Sumptibus Godofredi Tampachii bibl. francof. Excudebat Ioannes Plancus</t>
  </si>
  <si>
    <t>Publication Statement: Anno M. DC. XIX, Illustrations: ill. (woodcuts), Dimensions: 30 cm (fol.), Provenance: Ms. note on title-page verso: Lambda 2-15+ N., Bibliographical Note: Printer's device on title page; Head- and tail-pieces; initials; printed marginal notes; Books 1-2 are paginated continuously, as are books 3-5; books 1,4, and 5 have separate title pages, included in the pagination; Book 1, 4 and 5 have varying imprint: 'Lincii Austriae Excudebat Johannes Plancus, Anno M.DC.XIX'; Errors in pagination: pages 53-54 of first numbered sequence omitted in pagination., Collection: Dorchester, priref: 38278</t>
  </si>
  <si>
    <t>48.30639,14.28611</t>
  </si>
  <si>
    <t>Johann Kepler</t>
  </si>
  <si>
    <t>Oratio in Collegii Regalis Medicorum Londinensis Ã¦dibus novis habita die VIImo. Kal. Jul. MDCCCXLIV</t>
  </si>
  <si>
    <t>Dissertation on Rupture of the Uterus / H. N. Von Crantz; Translated from the Original Edition of 1756, and Compared with the French Translation of Puzos, 1759, by C. Clay</t>
  </si>
  <si>
    <t>Statement of Responsibility: by John Clendinning, Publication Statement: 1832, General Note: Below caption: From the London Medical and Physical Journal.; Original citation: London Medical and Physical Journal, June 1832, pp. 439-51, July, pp.21-32 and September, pp. 198-213., priref: 6815</t>
  </si>
  <si>
    <t>Heinrich Johann Nepomouk von Crantz</t>
  </si>
  <si>
    <t>D. m. de consensu partium</t>
  </si>
  <si>
    <t>Januar MDCLXXXVI</t>
  </si>
  <si>
    <t>January, 1686</t>
  </si>
  <si>
    <t>Dimensions: 23 cms, Bibliographical Note: Dissertation., Other Names: Stahl, Georg Ernst (Praeses); Brebiss, Johann Georg (Respondent), priref: 30353</t>
  </si>
  <si>
    <t>Johannes Moritz Triller</t>
  </si>
  <si>
    <t>D. m. de lue venerea</t>
  </si>
  <si>
    <t>Dimensions: 47 cms, Bibliographical Note: Bibliography, Class Number: 34(429), priref: 33210</t>
  </si>
  <si>
    <t>Martin Willichius</t>
  </si>
  <si>
    <t>Les chroniques et annales de Flandres: contenantes les heroicques et tresuictorieux exploicts des Forestiers, &amp; Comtes de Flandres, &amp; les singularitÃ©s &amp; choses memorablesâ€¦ depuis l'an de nostre Seigneur Iesus Christ ~VIc~. &amp; ~XX~. jusques a l'an M. ~CCC~. LXXVI</t>
  </si>
  <si>
    <t>~MDLXXI~</t>
  </si>
  <si>
    <t>Plantin, Christophle</t>
  </si>
  <si>
    <t>Statement of Responsibility: nouuellement composÃ©es &amp; mises en lumiere par Pierre d'Oudegherst ..., Publication Statement: A Anuers : chez Christophle Plantin, 1571, Dimensions: 25 cm, Provenance: Copy 10408: Roberts and Watson note that 'there are a few of Dee's notes and underlinings on fols. 112-4'; Copy 10408: former shelf-mark on upper flyleaf: 'Y-159'., General Note: Printer's device on title page.; Errata on sig. 3*3.; Copy 10408: Dorchester No. D129/5, Citation Note: Copy 10408: Roberts and Watson, 348, Exhibition Note: Scholar, courtier, magician : the lost library of John Dee, Collection: John Dee; Dorchester, Genre: Edge titles; Shelf marks; Errata lists; Printers' devices; Annotations, Other Names: Dee, John, 1527-1608 (Former owner); Dorchester, Henry Pierrepont, Marquis of, 1606-1680 (Donor), priref: 39262</t>
  </si>
  <si>
    <t>Synopsis methodica stirpium britannicarumâ€¦</t>
  </si>
  <si>
    <t>MDCCXXIV</t>
  </si>
  <si>
    <t>Innys, William,-1756</t>
  </si>
  <si>
    <t>Dimensions: 24 cm, Provenance: Association: Gisborne, Thomas; *Autograph: Author, Bibliographical Note: Bibliography, Class Number: 612.84, priref: 34084</t>
  </si>
  <si>
    <t>John Ray</t>
  </si>
  <si>
    <t>A Letter To... [The] President, Vice-Presidents, Treasurers and Governors of the Small-Pox Hospital, on the Present State of That Charity. [Anonymous]</t>
  </si>
  <si>
    <t>Dimensions: 22 cm, priref: 19052</t>
  </si>
  <si>
    <t>Ypodigma Neustriae vel Normanniae â€¦ ab irruptione Normannorum usque ad annum 6 regni Henrici quinti</t>
  </si>
  <si>
    <t>Day, John</t>
  </si>
  <si>
    <t>Annuli astronomici: instrumenti cum certissimi, tÃ¹m commodissimi, usus</t>
  </si>
  <si>
    <t>Pierre Beausardo, Frisius Gemma, Johann Dryander, De Lates Bonet, Burckhard Mithob, oronce Fine, Johanns Regiomontanus</t>
  </si>
  <si>
    <t>A Paraphrase on the Book of Job, as Likewise on the Songs of Moses, Deborah, David, on Four Select Psalms, Some Chapters of Isaiah and the Third Chapter of Habakkuk</t>
  </si>
  <si>
    <t>A. And J. Churchill (Booksellers: London, England)</t>
  </si>
  <si>
    <t>Dimensions: 34 cm, Binding Method: Hardback, Citation Note: Wing B2641, Class Number: C08, priref: 3670</t>
  </si>
  <si>
    <t>The Papers Set for the Examinations for the Diploma in Public Health of the Royal College of Physicians of London and the Royal College of Surgeons of England during the Year 1904</t>
  </si>
  <si>
    <t>Printed and Publisher by Taylor and Francis</t>
  </si>
  <si>
    <t>D. m. i. de palpitatione cordis</t>
  </si>
  <si>
    <t>Februarii An. MDCXC</t>
  </si>
  <si>
    <t>February, 1690</t>
  </si>
  <si>
    <t>litteris Krebsianis</t>
  </si>
  <si>
    <t>Dimensions: 21 cms, Provenance: Autograph: Sabin, Edward Lamb, Bibliographical Note: Includes: Of punishing empirics, pp. 203, 240-1., Class Number: C 614.26, priref: 32676</t>
  </si>
  <si>
    <t>Aristotelous peri poietikes = Aristotelis de poetica liber ex versione Theodori Goulstoni. Lectionis varietatem e Codd. IV. BibliothecÃ¦ MediceÃ¦, verborum indicem et observationes suas adjunxit T. Winstanley, A. M. Coll. Hert. Soc.</t>
  </si>
  <si>
    <t>MDCCLXXX</t>
  </si>
  <si>
    <t>Publication Statement: 1686, Dimensions: 20 cms, Bibliographical Note: Dissertation. J.E.Kisner respondent.; Check date, Other Names: Wedel, Georg Wolfgang (Praeses); Kisner, Johannes Erasmus (Respondent), priref: 33895</t>
  </si>
  <si>
    <t>Some Disorders of the Cerebral Circulation and Their Clinical Manifestations</t>
  </si>
  <si>
    <t>Medical Publishing Company</t>
  </si>
  <si>
    <t>Statement of Responsibility: by Alfred E. Russell, Corporate Author: Royal College of Physicians of London, Dimensions: 19 cm, Series: Goulstonian lectures, Series Number: 1909, General Note: Goulstonian Lectures, delivered before the Royal College of Physicians, 1909; Reprinted from the Clinical Journal, September 1, 8, 15, 22, 29. October 6th, 1909, Collection: UK Medical Heritage Library, Genre: Lectures, Class Number: C042, Websites: &lt;a href=https://archive.org/details/rcplondon?&amp;and=b24976052""&gt;View online via the Internet Archive&lt;/a&gt;; &lt;a href=""http://wellcomelibrary.org/player/b24976052""&gt;View online via the Wellcome Library&lt;/a&gt;; &lt;a href=""https://ukmhl.historicaltexts.jisc.ac.uk/ukmhl-b24976052""&gt;View online via Jisc Historical Texts&lt;/a&gt;"", priref: 27663</t>
  </si>
  <si>
    <t>Alfred Ernest Russell</t>
  </si>
  <si>
    <t>A Short View of the Frauds, and Abuses Committed by Apothecaries: as Well in Relation to Patients, as Physicians: and of the Only Remedy Thereof by Physicians Making Their Own Medicines</t>
  </si>
  <si>
    <t>Printed for James Allestry</t>
  </si>
  <si>
    <t>Statement of Responsibility: by Christopher Merret, Dimensions: 22 cm, General Note: Bound with 'A discourse setting forth the unhappy condition of the practice of physick in London' by Jonathan Goddard, 1670. Spine title: Pamphlets on physic and physicians, Citation Note: Wing M1844, Class Number: C9, priref: 22465</t>
  </si>
  <si>
    <t>Les Traditions de l'Ecole Britannique de MÃ©decine et son dÃ©veloppement ConfÃ©rence faite Ã  GenÃ¨ve, le jeudi 10 Novembre 1921</t>
  </si>
  <si>
    <t>Statement of Responsibility: F. G. Crookshank, Dimensions: 23 cm, General Note: Societe medicale de Geneve. Commemoration Revilliod-Julliard, Bibliographical Note: Bibliography, Class Number: 61, priref: 7827</t>
  </si>
  <si>
    <t>Dr. Francis Graham Crookshank</t>
  </si>
  <si>
    <t>Dissertatio medico-cheirurgica i. de hydrope foetus congenito</t>
  </si>
  <si>
    <t>MDCCVIII</t>
  </si>
  <si>
    <t>ex off. G. vande Water</t>
  </si>
  <si>
    <t>Dimensions: 23 cm, priref: 18961</t>
  </si>
  <si>
    <t>Johann Jacob Lavater</t>
  </si>
  <si>
    <t>The Life and Health of Joan of Arc: An Exercise in Pathography</t>
  </si>
  <si>
    <t>December, 1971</t>
  </si>
  <si>
    <t>The Practitioner</t>
  </si>
  <si>
    <t>Statement of Responsibility: James B. Herrick, Dimensions: 26 cm, Provenance: Donated by the Osler Club, Genre: Biographies, Other Names: Osler Club of London (Donor), Class Number: 92 HEB, priref: 200002695</t>
  </si>
  <si>
    <t>51.5073509,-0.1277583, 0.0,0.0, 51.081397,1.169456</t>
  </si>
  <si>
    <t>Frank Edwin Kenyon</t>
  </si>
  <si>
    <t>Higher Fungi in Relation to Human Pathology</t>
  </si>
  <si>
    <t>Illustrations: illustrations, Dimensions: 22 cm, Series: Milroy lectures, Series Number: 1920, General Note: Reprinted from The Lancet, volume 1, pages 847-852, 895-901, 943-946, Genre: Lectures, Class Number: C042, priref: 6291</t>
  </si>
  <si>
    <t>Aldo Castellani</t>
  </si>
  <si>
    <t>Eaux-fortes de M. Evershed</t>
  </si>
  <si>
    <t>November, 1876</t>
  </si>
  <si>
    <t>Illustrations: charts, Dimensions: 21 cm, priref: 18313</t>
  </si>
  <si>
    <t>Alfred de Lostalot</t>
  </si>
  <si>
    <t>D. m. i. de celebri indicationum fundamento, contraria contrariis curari</t>
  </si>
  <si>
    <t>Dimensions: 23 cms, priref: 28428</t>
  </si>
  <si>
    <t>Henry Sampson</t>
  </si>
  <si>
    <t>Ars versificatoria</t>
  </si>
  <si>
    <t>Ulrich von Hutten</t>
  </si>
  <si>
    <t>Medical Essays</t>
  </si>
  <si>
    <t>MDCCLXXIII</t>
  </si>
  <si>
    <t>Statement of Responsibility: by a member of the College of Physicians, Dimensions: 19 cm, Bibliographical Note: Two copies, one copy bound with, Brocklesby,R, An Essay concerning the mortality ... among the horned cattle (1746), another copy at Tr.8(3)., Class Number: 619, priref: 1287</t>
  </si>
  <si>
    <t>John Armstrong</t>
  </si>
  <si>
    <t>The Physician in English History</t>
  </si>
  <si>
    <t>Cambridge University Press</t>
  </si>
  <si>
    <t>Statement of Responsibility: by Norman Moore, Dimensions: 19 cm, Binding Method: Hardback, Provenance: Autograph : Norman Moore, Series: Linacre lectures, Series Number: 1913, General Note: Linacre Lecture, 1913, St John's College, Cambridge; Back page has a list of Cambridge University Press publications, Genre: Lectures, Other Names: Moore, Norman, 1847-1922 (Inscriber), Class Number: C042, priref: 22516</t>
  </si>
  <si>
    <t>D. m. aegrum nephritide laborantem exhibens</t>
  </si>
  <si>
    <t>Januar MDCLXXX</t>
  </si>
  <si>
    <t>January, 1680</t>
  </si>
  <si>
    <t>typis viduae S. Krebsii</t>
  </si>
  <si>
    <t>Publication Statement: 1680, Dimensions: 20cms, Bibliographical Note: Dissertation. G.W.Wedel praeses., priref: 28931</t>
  </si>
  <si>
    <t>40.5489,-122.33554</t>
  </si>
  <si>
    <t>Johann Heinrich Schmoller</t>
  </si>
  <si>
    <t>The Only Genuine and Authentic Account of the Life and Memoirs Ofâ€¦ Henry Jenkins, â€¦ Who Lived to the Amazing Age of One Hundred and Sixty Nine Years &amp; Upwards</t>
  </si>
  <si>
    <t>Gilbert &amp; Rivington</t>
  </si>
  <si>
    <t>Corporate Author: Royal Medical and Chirurgical Society of London, Publication Statement: Printed by Richard and Arthur Taylor 1816-1819, Dimensions: 23 cm, Provenance: Autograph: Baillie, Collection: UK Medical Heritage Library, Genre: Library catalogues, Other Names: Baillie, Matthew, 1761-1823 (Donor), Class Number: 016:61, Websites: &lt;a href=https://archive.org/details/rcplondon?&amp;and=b24750396""&gt;View online via the Internet Archive&lt;/a&gt;; &lt;a href=""http://wellcomelibrary.org/player/b24750396""&gt;View online via the Wellcome Library&lt;/a&gt;; &lt;a href=""https://ukmhl.historicaltexts.jisc.ac.uk/ukmhl-b24750396""&gt;View online via Jisc Historical Texts&lt;/a&gt;"", priref: 27144</t>
  </si>
  <si>
    <t>Ann Saville</t>
  </si>
  <si>
    <t>D. i. de cholera</t>
  </si>
  <si>
    <t>MDCLIII</t>
  </si>
  <si>
    <t>Nisiano (e calcographeo)</t>
  </si>
  <si>
    <t>Dimensions: 20cms, Bibliographical Note: Dissertation. H.F. Korber respondent., Other Names: Schenck, Johann Theodor (Praeses); Korber, Hermann Friedrich (Respondent), priref: 28764</t>
  </si>
  <si>
    <t>De paidioktonia [in Greek] inculpata ad servandam puerperam â€¦ ; praefatione J. Melchior Verdries</t>
  </si>
  <si>
    <t>apud J. P. Krieger</t>
  </si>
  <si>
    <t>Statement of Responsibility: By Lysiponius Celer pseudonym, Publication Statement: Printed for the author, and are to be sold by B. Billingsley at the Printing-Press under the Royal Exchange in Cornhill 1698, Dimensions: 22 cm, Binding Method: Hardback, General Note: Two copies.; Copy number 13495-6: Bound with 'A discourse setting forth the unhappy condition of the practice of physick in London' by Jonathan Goddard, 1670. Spine title: Pamphlets on physic and physicians, Class Number: C9, priref: 13317</t>
  </si>
  <si>
    <t>Johann Conrad Becker, Johann Melchior Verdries</t>
  </si>
  <si>
    <t>D. m. de obsessis</t>
  </si>
  <si>
    <t>2 Octobr. 1704</t>
  </si>
  <si>
    <t>October 2, 1704</t>
  </si>
  <si>
    <t>Publication Statement: 1704, Dimensions: 21cms, Bibliographical Note: Bibliog.; Dissertation. B.Laurentius defendant., Other Names: Schelhammer, Gunther Christoph (1649-1716) (Praeses); Laurentius, Bonifacius (Defendant), priref: 28736</t>
  </si>
  <si>
    <t>Remarks on Death from Strangulation</t>
  </si>
  <si>
    <t>Statement of Responsibility: by Alfred S. Taylor, Publication Statement: c. 1859, Dimensions: 22 cm, Provenance: Signature: AST., General Note: Catalogued from head of text.; Bound in volume lettered Medico-legal tracts, 8., Bibliographical Note: Bibliography., Class Number: 340.6, priref: 31415</t>
  </si>
  <si>
    <t>An Account of the Progress of an Epidemical Madness, in a Letter to the President and Fellows of the College of Physicians</t>
  </si>
  <si>
    <t>MDCCXXXV</t>
  </si>
  <si>
    <t>Printed and Sold by J.Roberts</t>
  </si>
  <si>
    <t>Dimensions: 22 cm, Bibliographical Note: Printed and sold by J. Roberts.; Published anonymously.; Bound with: Ferris, S. A general view of the establishment of physic as a science in England.. 1795, Class Number: C9, priref: 23965</t>
  </si>
  <si>
    <t>Dissertatio medica inauguralis de febre flava</t>
  </si>
  <si>
    <t>Statement of Responsibility: By Lock Hospital., Corporate Author: Lock Hospital and Asylum, London, Dimensions: 21 cm, Collection: UK Medical Heritage Library, Class Number: 362.11(421), Websites: &lt;a href=https://archive.org/details/rcplondon?&amp;and=b24749588""&gt;View online via the Internet Archive&lt;/a&gt;; &lt;a href=""http://wellcomelibrary.org/player/b24749588""&gt;View online via the Wellcome Library&lt;/a&gt;; &lt;a href=""https://ukmhl.historicaltexts.jisc.ac.uk/ukmhl-b24749588""&gt;View online via Jisc Historical Texts&lt;/a&gt;"", priref: 19661</t>
  </si>
  <si>
    <t>William MacKay</t>
  </si>
  <si>
    <t>Gase [i.e. Case] of Excision of the Whole of the Genital Organs</t>
  </si>
  <si>
    <t>May 8, 1847</t>
  </si>
  <si>
    <t>Statement of Responsibility: translated into English verse by Sir George Lefevre, Publication Statement: Printed for Charles Jugel at the German and Foreign Library, Dimensions: 15 cm, Binding Method: Hardback, Provenance: Book-plate: 'HV', an unidentified baronet, Collection: UK Medical Heritage Library, Other Names: Lefevre, George, Sir, 1798-1846 (Translator), Class Number: C08 LEF, Websites: &lt;a href=https://archive.org/details/rcplondon?&amp;and=b24975114""&gt;View online via the Internet Archive&lt;/a&gt;; &lt;a href=""http://wellcomelibrary.org/player/b24975114""&gt;View online via the Wellcome Library&lt;/a&gt;; &lt;a href=""https://ukmhl.historicaltexts.jisc.ac.uk/ukmhl-b24975114""&gt;View online via Jisc Historical Texts&lt;/a&gt;"", priref: 12529</t>
  </si>
  <si>
    <t>E. W. H. Beck</t>
  </si>
  <si>
    <t>Illustrations of the Book-Worm</t>
  </si>
  <si>
    <t>February, 1917</t>
  </si>
  <si>
    <t>Statement of Responsibility: J. N. Langley, Illustrations: portrait, Dimensions: 24 cm, Genre: Biographies, Class Number: 92 FOS, priref: 200003430</t>
  </si>
  <si>
    <t>The Croonian Lectures on the Behaviour of the Leucocytes in Infection and Immunity: Delivered before the Royal College of Physicians of London on June 14th, 16th, 21st, and 23rd, 1910</t>
  </si>
  <si>
    <t>June 25, July 2, 9, and 16, 1910</t>
  </si>
  <si>
    <t>June 25-July 16, 1910</t>
  </si>
  <si>
    <t>Statement of Responsibility: by F. W. Andrewes, Corporate Author: Royal College of Physicians of London, Dimensions: 22 cm, Series: Croonian lectures, Series Number: 1910, General Note: Reprinted from the Lancet (1910), 25 June, pages 1737-43, 2-16 July, pages 8-16. 83-91, 153-58, Bibliographical Note: Includes bibliographic footnotes, Collection: UK Medical Heritage Library, Genre: Lectures, Class Number: C042, Websites: &lt;a href=https://archive.org/details/rcplondon?&amp;and=b24976544""&gt;View online via the Internet Archive&lt;/a&gt;; &lt;a href=""http://wellcomelibrary.org/player/b24976544""&gt;View online via the Wellcome Library&lt;/a&gt;; &lt;a href=""https://ukmhl.historicaltexts.jisc.ac.uk/ukmhl-b24976544""&gt;View online via Jisc Historical Texts&lt;/a&gt;"", priref: 35441</t>
  </si>
  <si>
    <t>The New Light and the New Photography: A Special Issue of the Photogram February 1896</t>
  </si>
  <si>
    <t>Dawnbarn &amp; Ward</t>
  </si>
  <si>
    <t>Statement of Responsibility: C. H. James, Corporate Author: Punjab. Deputy Sanitary Commissioner, Illustrations: ill., Dimensions: 32 cm, Collection: UK Medical Heritage Library, Class Number: 616.923(545.2), Websites: &lt;a href=https://archive.org/details/rcplondon?&amp;and=b24975886""&gt;View online via the Internet Archive&lt;/a&gt;; &lt;a href=""http://wellcomelibrary.org/player/b24975886""&gt;View online via the Wellcome Library&lt;/a&gt;; &lt;a href=""https://ukmhl.historicaltexts.jisc.ac.uk/ukmhl-b24975886""&gt;View online via Jisc Historical Texts&lt;/a&gt;"", priref: 25061</t>
  </si>
  <si>
    <t>On the Physiological Properties of Picrotoxin</t>
  </si>
  <si>
    <t>April, 1851</t>
  </si>
  <si>
    <t>Statement of Responsibility: By R.M. Glover., Publication Statement: 1851, Dimensions: 22 cm, Bibliographical Note: Catalogued from first p. of text; 'From the monthly journal of medical science, April 1851'; Bound in volume lettered Medico-legal tracts, 5 (MLT 5)., Class Number: 340.6, priref: 12443</t>
  </si>
  <si>
    <t>Robert Mortimer Glover</t>
  </si>
  <si>
    <t>A Case of Retention of a Dead Ovum in Utero for Six Months, without Putrefaction</t>
  </si>
  <si>
    <t>OCTOBER, 1847</t>
  </si>
  <si>
    <t>October, 1847</t>
  </si>
  <si>
    <t>Statement of Responsibility: by S. W. Tilke, Illustrations: ill., port., Dimensions: 20 cm, Binding: In original ornate cloth. White spine book-label., General Note: Edition statement from preface.; With an erratum.; Includes plate with author portrait facing t.p. 'This plate is presented to the author by a grateful patient'.; Tilke's camphorated spirit lamp, for giving a bed bath, illustrated (p. clxxxv)., Collection: Heberden; UK Medical Heritage Library, Websites: &lt;a href=http://wellcomelibrary.org/player/b28148861""&gt;View online via the Wellcome Library&lt;/a&gt;; &lt;a href=""https://archive.org/details/rcplondon?&amp;and=b28148861""&gt;View online via the Internet Archive&lt;/a&gt;; &lt;a href=""https://ukmhl.historicaltexts.jisc.ac.uk/ukmhl-b28148861""&gt;View online via Jisc Historical Texts&lt;/a&gt;"", priref: 48415</t>
  </si>
  <si>
    <t>George L. Upshur</t>
  </si>
  <si>
    <t>Marsilii Ficini Florentini, doctoris in omni disciplinarum genere profundissimi, De christiana religione, aureum opusculum, post omnes impressiones ubiq[e] locoru[m] excussas, a bene docto theologo adamussim recognitum, cunctisq[ue] mendis expurgatum</t>
  </si>
  <si>
    <t>Arrivabene, Cesare, active 1517-1528</t>
  </si>
  <si>
    <t>Publication Statement: Impressum autem Venetiis, summa diligentia per Caesarem Arriuabenum Venetum, anno ab incarnatione domini milesimo quingentesimo decimo octauo, die uero trigesimo martii, Dimensions: 17 cm (8vo), Provenance: Copy number 11454-1: Contemporary manuscript annotations (mostly manicules and other attention marks) throughout; Copy number 11454-1: Inscription on title page in 17th century hand: 'Pertinet ad ??? sanctissimae Annuntiatae, Genuae'; Copy number 11454-1: Inscription on title page in 17th century hand: 'G. Tabula 6a fasc 9 3o numero 3o', General Note: Imprint from colophon; Signatures: A-M^8; Last leaf is blank; Printer's device on last printed page; Copy number 11454-1: Item 1 in copy number 11454, Citation Note: EDIT 16 CNCE 18935, Genre: Marginalia; Annotations; Printers' devices; Shelf marks, Other Names: Convento della Santissima Annunziata, Genoa (Former owner), Class Number: 2, Images: CN 11454-1, Ficino, De christiana religione, 1518.JPG, priref: 10560</t>
  </si>
  <si>
    <t>Treatment of Deformities of the Spine by the 'Lever-Belt with Inclination Busk'; Trans., with a Critical Analysis, by W. Brewer</t>
  </si>
  <si>
    <t>Simpkin, Marshall, and Co.</t>
  </si>
  <si>
    <t>Corporate Author: Verral Charitable Society (London), Publication Statement: Houlston &amp; Hughes, 154, Strand, Illustrations: ill., Dimensions: 20 cm, General Note: Publication includes: 1 On the advantage and applicability of the prone position in diseases, by Charles Verrall, published in 1836; 2 Additional Observatiions, by Charles Verrall published in January 1837 and also May 1838., Collection: UK Medical Heritage Library, Genre: Annual reports, Other Names: Verral, Charles, -1843, Websites: &lt;a href=http://wellcomelibrary.org/player/b28524275""&gt;View online via the Wellcome Library&lt;/a&gt;; &lt;a href=""https://archive.org/details/rcplondon?&amp;and=b28524275""&gt;View online via the Internet Archive&lt;/a&gt;; &lt;a href=""https://ukmhl.historicaltexts.jisc.ac.uk/ukmhl-b28524275""&gt;View online via Jisc Historical Texts&lt;/a&gt;"", priref: 29952</t>
  </si>
  <si>
    <t>Alphonse Tavernier</t>
  </si>
  <si>
    <t>Dissertatio inauguralis medica de ophthalmia</t>
  </si>
  <si>
    <t>Publication Statement: 1686, Dimensions: 20 cms, Bibliographical Note: Dissertation. G.W.Wedel praeses.; Check date, priref: 31953</t>
  </si>
  <si>
    <t>Oratio ex Harveii Instituto in aedibus Collegii Regalis Medicorum Londinensis: habita die Julii Xmo MDCCCLVIII</t>
  </si>
  <si>
    <t>MDCCCLVIII</t>
  </si>
  <si>
    <t>J. G. Hiscoke</t>
  </si>
  <si>
    <t>Statement of Responsibility: auctore Georgio E. Wilmot Wood, Publication Statement: MDCCCLVIII, Dimensions: 29, 28 cm, Provenance: *Autograph: Author; Association: Wilks, Samuel, Series: Harveian oration, Series Number: 1858, General Note: 21578-4 No. 4 in a volume lettered 'Orationes Harveianae, 1848-63', Collection: UK Medical Heritage Library, Genre: Lectures, Other Names: Wood, George Edward Wilmot (Inscriber); Wilks, Samuel, Sir, 1824-1911 (Associated name), Class Number: C06.091.4, Websites: &lt;a href=https://archive.org/details/rcplondon?&amp;and=b24976507""&gt;View online via the Internet Archive&lt;/a&gt;; &lt;a href=""http://wellcomelibrary.org/player/b24976507""&gt;View online via the Wellcome Library&lt;/a&gt;; &lt;a href=""https://ukmhl.historicaltexts.jisc.ac.uk/ukmhl-b24976507""&gt;View online via Jisc Historical Texts&lt;/a&gt;"", priref: 34717</t>
  </si>
  <si>
    <t>37.5407246,-77.4360481</t>
  </si>
  <si>
    <t>George Edward Wilmot Wood</t>
  </si>
  <si>
    <t>Oratio comitiis anniversariis HarveianÃ¦ memoriae sacris in amphitheatro medicorum Londinensium habita: postridie D. Lucae; MDCCXXIV (Harveian Oration, 1724)</t>
  </si>
  <si>
    <t>MDCCXXV</t>
  </si>
  <si>
    <t>Innys, William, -1756</t>
  </si>
  <si>
    <t>Statement of Responsibility: Richardus Hale, Dimensions: 26, 30, 23, 22 cm, Provenance: Book-plate: Chauncy, Charles; Autographs: Munk, William; Fox, R. Hingston, Series: Harveian oration, Series Number: 1724, General Note: 21396-21: No. 13 in a volume lettered 'Orationes Harveianae, 1661-1743'; 21399-10: No. 6 in a volume lettered 'Orationes Harveianae, 1697-1747'; 21402-9: No. 1 in a volume lettered 'Orationes Harveianae, 1719-42'; 21405-2: No. 1 in a volume lettered 'Orationes Harveianae, 1724-9', Genre: Addresses, Class Number: C06.091.4, priref: 37853</t>
  </si>
  <si>
    <t>Richard Hale</t>
  </si>
  <si>
    <t>[Account of a Case of Poisoning by Monkshood, Which Formed the Subject of a Criminal Trial: With Observations</t>
  </si>
  <si>
    <t>Statement of Responsibility: By T.G. Geoghegan., Publication Statement: 1841, Dimensions: 22 cm, Provenance: Autograph: A. S. Taylor Esq. with the author's kind regards., Bibliographical Note: Catalogued from head of text; Bibliography; An extract from some, unknown, source, around 1841. p. 401-29; Bound in volume lettered Medico-legal tracts,2., Class Number: 340.6, priref: 12031</t>
  </si>
  <si>
    <t>De mvndi systemate, partibus &amp; motibus eiusdem libellvs. AdjectÃ¦ sunt Ã†. [sic] P. de Roberval notÃ¦</t>
  </si>
  <si>
    <t>MDCXLIV</t>
  </si>
  <si>
    <t>[Privately Printed]</t>
  </si>
  <si>
    <t>Dimensions: 6 cm, Bibliographical Note: Keynes 35; One copy does not have the engraved title-page, which was made in London by O. Pulleyn, Class Number: 61, priref: 14224</t>
  </si>
  <si>
    <t>, Gilles Personne de Roberval</t>
  </si>
  <si>
    <t>Presidential Address to the Royal College of Physicians, March 28th, 1904</t>
  </si>
  <si>
    <t>Documents Laid before the Right Honourable Lord Glenelg by Sir George S. Mackenzie, Bart., Relative to the Convicts Sent to New South Wales: April 1836</t>
  </si>
  <si>
    <t>APRIL 1836</t>
  </si>
  <si>
    <t>Statement of Responsibility: by Thomas Lodge, Publication Statement: from the press of C. Whittingham; College House M DCCC XIX, Dimensions: 19 cm, General Note: Preface signed: S. W. S. (i.e. Samuel Weller Singer)., Collection: UK Medical Heritage Library, Other Names: Singer, Samuel Weller, 1783-1858 (Editor), Class Number: C08 LOD, Websites: &lt;a href=https://archive.org/details/rcplondon?&amp;and=b24975448""&gt;View online via the Internet Archive&lt;/a&gt;; &lt;a href=""http://wellcomelibrary.org/player/b24975448""&gt;View online via the Wellcome Library&lt;/a&gt;; &lt;a href=""https://ukmhl.historicaltexts.jisc.ac.uk/ukmhl-b24975448""&gt;View online via Jisc Historical Texts&lt;/a&gt;"", priref: 19686</t>
  </si>
  <si>
    <t>Sir George Steuart Mackenzie</t>
  </si>
  <si>
    <t>Essay on the Human Mind</t>
  </si>
  <si>
    <t>MDCCCXLII</t>
  </si>
  <si>
    <t>Whittaker &amp; Co.</t>
  </si>
  <si>
    <t>Statement of Responsibility: by J.B.S. Jackson., Corporate Author: Boston Society for Medical Improvement (Mass.), Publication Statement: Boston. Printed by Freeman and Bolles, Devonshire Street, Illustrations: ill., Dimensions: 24 cm, General Note: Includes index., Genre: Museum catalogues, Class Number: 61(069.538), priref: 3876</t>
  </si>
  <si>
    <t>Edward Bushby</t>
  </si>
  <si>
    <t>Dissertatio medica inauguralis de abortu</t>
  </si>
  <si>
    <t>Dimensions: 20 cm, priref: 15566</t>
  </si>
  <si>
    <t>Richard Harris</t>
  </si>
  <si>
    <t>The Early Physicians and Surgeons of the Western Infirmary, Glasgow</t>
  </si>
  <si>
    <t>Statement of Responsibility: by Joseph Adams, Publication Statement: London : Printed for J. Callow, Crown Court, Princes Street, Soho by J. &amp; W. Smith, ing Street, Seven Dials, 1807, Illustrations: colour illustrations (stipple engravings), Dimensions: 27 cm (4to), Binding: Copy number 54616: 19th-century half calf over marbles boards, speckled edges., Provenance: Copy number 54616: 19th-century inscription on first upper flyleaf: Webb"".; Copy number 54616: 20th-century number in blue ball-point pen written on lower pastedown: ""22876"".; Copy number 54616: 20th-century bookseller's label on upper pastedown, Series: gold type printed on green leather: ""Henry Kimpton, Series Number: medical bookseller &amp; publisher, Series ISSN: 263 High Hoborn London W.C.1"".; Copy number 54616: Donated by the British Association for Sexual Health and HIV (BASHH) February 2013.; Copy number 54616: Former shelf mark on title page: BASHH 151."", Summary: Plates are signed Themoteo Antonio fecit ; I.L. Sailliar, Preservation Note: with imprint ""London : published by J. Callow, Exhibition Note: medical bookseller, Collection: Crown Court, Continued by: UK Medical Heritage Library, Websites: Communicable Diseases; Vaccination; Sexually Transmitted Diseases; Mercury, Therapeutic Use, Holding Note: Hunter, John, 1728-1793, Images: 19th Century, Volumes: Printing in multiple colours; Publishers' advertisements; Sprinkled edges; Marbled papers; Autographs; Booksellers' labels, priref: British Association for Sexual Health and HIV (Donor); Kimpton, Henry (Bookseller); Sailliar, I. L. (Engraver); Antonio, Themoteo (Artist), Child: 616.9, E-ISBN: &lt;a href=http://wellcomelibrary.org/player/b28525668""&gt;View online via the Wellcome Library&lt;/a&gt;; &lt;a href=""https://archive.org/details/rcplondon?&amp;and=b28525668""&gt;View online via the Internet Archive&lt;/a&gt;; &lt;a href=""https://ukmhl.historicaltexts.jisc.ac.uk/ukmhl-b28525668""&gt;View online via Jisc Historical Texts&lt;/a&gt;""</t>
  </si>
  <si>
    <t>James Walker Downie</t>
  </si>
  <si>
    <t>The Albion Queens; Or, the Death of Mary, Queen of Scotland</t>
  </si>
  <si>
    <t>W. Feales</t>
  </si>
  <si>
    <t>Illustrations: illustrations, Dimensions: 18 cm, Bibliographical Note: Bound with, Philips, J.: 'Poems on several occasions', 1728, Class Number: C8-1, priref: 3284</t>
  </si>
  <si>
    <t>D. m. de sanguisugarum utilitate</t>
  </si>
  <si>
    <t>Statement of Responsibility: saggio di Ranieri Bellini di Pisa, Dimensions: 22 cm, Bibliographical Note: With bibliographic footnotes., priref: 2766</t>
  </si>
  <si>
    <t>An Address on the Influence of Morgagni on Anatomical Thought</t>
  </si>
  <si>
    <t>March 30th, 1894</t>
  </si>
  <si>
    <t>March 30, 1894</t>
  </si>
  <si>
    <t>Statement of Responsibility: by Rudolf Virchow, Dimensions: 26 cm, Genre: Biographies, Other Names: Wolffsohn, L (translator), Class Number: 92 MOR, priref: 200006180</t>
  </si>
  <si>
    <t>Rudolf Virchow</t>
  </si>
  <si>
    <t>Gemmae Phrysii medici ac mathematici, De principiis astronomiÃ¦ &amp; cosmographiÃ¦, deqÂ´ [ue] vsu globi ab eodem editi: item de orbis diuisione, &amp; insulis, rebusqÂ´ [ue] nuper inuentis; opus nunc demum ab ipso auctore multis in locis auctum, ac sublatis omnibus erratis integritati restitutum</t>
  </si>
  <si>
    <t>Steels, Joannes</t>
  </si>
  <si>
    <t>Publication Statement: Antuerpiae : in aedibus Ioannis Steelsii, 1553, Dimensions: 18 cm, Provenance: Copy 7415: Roberts and Watson note that 'it has no marks of ownership but has a few Dee underlinings and notes and is bound in contemporary vellum'., General Note: Sections on America, p. 179-185; Copy 7415: Dorchester No. D46/13, Citation Note: Copy 7415: Roberts and Watson, 1091, Collection: John Dee; Dorchester, Genre: Vellum bindings; Annotations, Other Names: Dee, John, 1527-1608 (Former owner); Dorchester, Henry Pierrepont, Marquis of, 1606-1680 (Donor), priref: 36962</t>
  </si>
  <si>
    <t>Frisius Gemma</t>
  </si>
  <si>
    <t>Insanity and Crime: A Medico-Legal Commentary on the Case of George Victor Townley</t>
  </si>
  <si>
    <t>MDCCCLXIV</t>
  </si>
  <si>
    <t>Statement of Responsibility: by the editors of the 'Journal of mental science', Publication Statement: MDCCCLXIV, Dimensions: 22 cm, General Note: One copy bound in volume lettered Medico-legal tracts, 12.; The editors were C. A. L. Robertson and H. Maudsley., Bibliographical Note: Includes bibliographical references., Other Names: Robertson, C. Lockhart (Charles Lockhart), 1825-1897 (Editor); Maudsley, Henry, 1835-1918 (Editor), priref: 27413</t>
  </si>
  <si>
    <t>Reports on Leprosy in Malta, by a Committee Appointed by His Excellency the Governor in 1917</t>
  </si>
  <si>
    <t>Government Printing Office, Malta</t>
  </si>
  <si>
    <t>Illustrations: maps, Dimensions: 34 cm, General Note: Committee members: M. A. Refalo (chairman), Sir Archibald E., Garrod, A. Critien, E. Meli, P.P. Debono (secretary); Report signed at Valleta, 22nd October 1918, Class Number: 616-002.73(458.2), priref: 694</t>
  </si>
  <si>
    <t>35.937496,14.375416</t>
  </si>
  <si>
    <t>Sir Archibald Edward Garrod, M. A Refalo</t>
  </si>
  <si>
    <t>[Anthropologia]; Or, a Philosophic Discourse Concerning Man. Being the Anatomy Both of His Soul and Bodyâ€¦</t>
  </si>
  <si>
    <t>S. Foster</t>
  </si>
  <si>
    <t>Dimensions: 15 cm, Bibliographical Note: Wing H 1190; MS note; First word of title transliterated from Greek, Class Number: 61, priref: 14362</t>
  </si>
  <si>
    <t>MÃ©moire sur la cause du refroidissement qu'on observe chez les animaux exposÃ©s a une forte chaleur</t>
  </si>
  <si>
    <t>6 novembre 1809</t>
  </si>
  <si>
    <t>November 6, 1809</t>
  </si>
  <si>
    <t>Statement of Responsibility: by Charles Cowan, Dimensions: 21 cm, priref: 7609</t>
  </si>
  <si>
    <t>FranÃ§ois E. Delaroche</t>
  </si>
  <si>
    <t>Quaestio medica quodlibetariis disputationibus mane discutienda in scholis medicorum, die Jovis 24 Februarii 1724</t>
  </si>
  <si>
    <t>24 Februarii 1724</t>
  </si>
  <si>
    <t>February 24, 1724</t>
  </si>
  <si>
    <t>Publication Statement: M DCC LXXI, Dimensions: 21 cm, Provenance: Autograph: Spencer, Herbert Ritchie, Bibliographical Note: Facsimile of the first report, 1749-1770., Class Number: 362.11(421), priref: 4553</t>
  </si>
  <si>
    <t>Claude Brunet, Guillaume Joseph de L'Espine</t>
  </si>
  <si>
    <t>Palissy, Bacon and the Revival of Natural Science</t>
  </si>
  <si>
    <t>April, 1913</t>
  </si>
  <si>
    <t>Published for the British Academy</t>
  </si>
  <si>
    <t>Statement of Responsibility: Thomas Clifford Allbutt, Dimensions: 25 cm, Binding Method: Paperback, Provenance: Donated by the Toronto Public Library, Bibliographical Note: Bibliography, Class Number: 92 PAL, priref: 35348</t>
  </si>
  <si>
    <t>Sir Thomas Clifford Allbutt</t>
  </si>
  <si>
    <t>Elements of Psychological Medicine Being an Introduction to the Practical Study of Insanity</t>
  </si>
  <si>
    <t>Statement of Responsibility: by Daniel Noble, Dimensions: 23 cm, Provenance: Inscription on fly-leaf: J T Arlidge 1858 Arlidge, John Thomas, General Note: With half-title page., Bibliographical Note: Includes bibliographical references., Other Names: Arlidge, J. T. (John Thomas), 1822-1899 (Inscriber), Class Number: 616.89(02)'18', priref: 39170</t>
  </si>
  <si>
    <t>Daniel Noble</t>
  </si>
  <si>
    <t>MDCLIV</t>
  </si>
  <si>
    <t>G. Segenwaldi (typis)</t>
  </si>
  <si>
    <t>Dimensions: 20cms., Bibliographical Note: Dissertation. A.Wansleben respondent, Other Names: Rolfinck, Werner (Praeses); Wansleben, Anselm (Respondent), priref: 28481</t>
  </si>
  <si>
    <t>On the Aims and Philosophic Method of Pathological Research: An Inaugural Address Delivered at St. Thomas's Hospital. December 15th, 1847</t>
  </si>
  <si>
    <t>Henry Renshaw; Hippolyte Bailliere; Pelham Richardson</t>
  </si>
  <si>
    <t>Statement of Responsibility: copied from the 'Tabulae neurologicae' of Antonio Scarpa by Edward Mitchell, engraver ; with letter-press description translation from the original Latin by Dr. Knox., Publication Statement: Printed for Maclachlan &amp; Stewart, Illustrations: illustrations, Dimensions: 30 cm, Citation Note: Evan Bedford library 852, Collection: Evan Bedford, Genre: Anatomical atlases; Atlases (Medical); Letterpress types, Other Names: Knox, Robert, 1791-1862 (Translator), priref: 28630</t>
  </si>
  <si>
    <t>Sir John Simon</t>
  </si>
  <si>
    <t>Magni G. PhÃ¦dronis â€¦ Opuscula iatro-chemica quatuor: 1. Praxis medico-chemica. 2. Halopyrice, sive pestis medica-chemica curatio. 3. Chirurgia minor. 4. Furnus chymicus</t>
  </si>
  <si>
    <t>MDCXI</t>
  </si>
  <si>
    <t>Humm, Anton</t>
  </si>
  <si>
    <t>Statement of Responsibility: curante J.A.Schenckio., Dimensions: 16 cm, Bibliographical Note: MS. notes.; Bound with Wimpinaeus, J.A. De concordia ... excursiones. 1615., Class Number: 61, priref: 25616</t>
  </si>
  <si>
    <t>Georgius Phaedro, Joannes Andreas Schenck</t>
  </si>
  <si>
    <t>Ioannis Regiomontani Franci clarissimi mathematici Fundamenta operationum quae fiunt per tabulam generalem : vel, apodixes et demonstrationes eorum, quae in tabulis primi mobilis, cum tabulis eclipsium Burbachij praeceptoris editis a Tanstetero praecepit in communem omnium Mathematum studiosorum utilitatem nunc primum editae</t>
  </si>
  <si>
    <t>[In officina Iohannis Kiliani Electori Palatino a Secretis]</t>
  </si>
  <si>
    <t>Joannes Regiomontanus</t>
  </si>
  <si>
    <t>Dissertationem inauguralem de malo hypochondriaco</t>
  </si>
  <si>
    <t>Novembr MDCLXXVI</t>
  </si>
  <si>
    <t>November, 1676</t>
  </si>
  <si>
    <t>typis Krebsianis</t>
  </si>
  <si>
    <t>Statement of Responsibility: By John Wesley, Publication Statement: printed by G. Paramore; and sold by G. Whitfield, at the chapel, city-road, and at all the Methodist preaching-houses in town and country, Dimensions: 17 cm, Provenance: Autograph: Harrison, Thomas; William Crampton Hunslett ?; JANE. Crampton Hunslet; Wm. Mass ? Boorn ? - Jan 26 5(lock - morning 1817. - Tho. Mass ? Born - May the 9th 1819 - 3 o'clock morning, Citation Note: ESTC T16585, Collection: UK Medical Heritage Library, Class Number: 615.89, Websites: &lt;a href=https://archive.org/details/rcplondon?&amp;and=b23984648""&gt;View online via the Internet Archive&lt;/a&gt;; &lt;a href=""http://wellcomelibrary.org/player/b23984648""&gt;View online via the Wellcome Library&lt;/a&gt;; &lt;a href=""https://ukmhl.historicaltexts.jisc.ac.uk/ukmhl-b23984648""&gt;View online via Jisc Historical Texts&lt;/a&gt;"", priref: 33823</t>
  </si>
  <si>
    <t>Opvs Medicvmâ€¦ De Compositione Pharmacorvm localium, sive secundum locos, libri decem, recens fideliter &amp; pure conversi Ã  J. Cornario. J. Cornarii commentariorum medicorvm... libri decem</t>
  </si>
  <si>
    <t>MDXXXVII</t>
  </si>
  <si>
    <t>[Froben]</t>
  </si>
  <si>
    <t>Dimensions: 32 cm, Bibliographical Note: MS. notes., Collection: Dorchester, priref: 37063</t>
  </si>
  <si>
    <t xml:space="preserve">Janus Cornarius, </t>
  </si>
  <si>
    <t>Remarks on the Influence of Climate, Situation, Nature of Country, Population, Nature of Food, and Way of Life, on the Disposition and Temper, Manners and Behaviour, Intellects, Laws and Customs, Form of Government, and Religion, of Mankind</t>
  </si>
  <si>
    <t>Charles Dilly</t>
  </si>
  <si>
    <t>Statement of Responsibility: by William Falconer, M.D.F.R.S., Publication Statement: London : printed for C. Dilly, in the Poultry, M.DCC.LXXXI, Dimensions: 26 cm (4to), Binding: 20th-century full brown cloth., Provenance: Signature on title page: 'J. Kitchins'.; Inscription on second upper flyleaf: 'H.C. Bramwell, 24 Sept. 1834'.; Inscription on third upper flyleaf: 'W.H. Trinder, 17 Sept. 1834'.; Book-plate on upper pastedown: 'Ex Libris D. Lloyd Roberts, Manchester, 1911'.; Occasional 18th- and 19th-century manuscript annotations in ink and pencil throughout., General Note: Erratum on penultimate page (last page of index).; Publishers' advertisements on last page., Citation Note: ESTC T60417, Collection: David Lloyd Roberts; UK Medical Heritage Library, Genre: Errata lists; Publishers' advertisements; Annotations; Inscriptions; Book-plates, Other Names: Roberts, David Lloyd, 1835-1920 (Donor); Trinder, W. H. (Former owner); Kitchins, J. (Former owner); Bramwell, H. C. (Former owner), Class Number: 613.1, Websites: &lt;a href=http://wellcomelibrary.org/player/b28037868""&gt;View online via the Wellcome Library&lt;/a&gt;; &lt;a href=""https://archive.org/details/rcplondon?&amp;and=b28037868""&gt;View online via the Internet Archive&lt;/a&gt;; &lt;a href=""https://ukmhl.historicaltexts.jisc.ac.uk/ukmhl-b28037868""&gt;View online via Jisc Historical Texts&lt;/a&gt;"", priref: 10527</t>
  </si>
  <si>
    <t>A Mechanical and Critical Enquiry into the Nature of Hermaphrodites</t>
  </si>
  <si>
    <t>Walthoe, John</t>
  </si>
  <si>
    <t>Dimensions: 22 cm, Class Number: 616.72-002, priref: 23572</t>
  </si>
  <si>
    <t>James Parsons</t>
  </si>
  <si>
    <t>The Papers Set for the Examinations for the Diploma in Public Health of the Royal College of Physicians of London and the Royal College of Surgeons of England during the Year 1905</t>
  </si>
  <si>
    <t>[Effetti della veratrina]</t>
  </si>
  <si>
    <t>Dimensions: 22 cm, priref: 9057</t>
  </si>
  <si>
    <t>Diaeta literatorum indultu magnifici ac gratiosi ordinis Asclepiadaei</t>
  </si>
  <si>
    <t>Nisianis (imp.)</t>
  </si>
  <si>
    <t>Publication Statement: 1791, Dimensions: 27 cms, Bibliographical Note: Rep. from Trans. Linn.Soc. Lond., vol. 1, 1891, pp. 1-55., priref: 29918</t>
  </si>
  <si>
    <t>Johann Rottenberger</t>
  </si>
  <si>
    <t>D. m. i. de somno praeternaturali</t>
  </si>
  <si>
    <t>XXVIII Julii MDCLXXXVI</t>
  </si>
  <si>
    <t>July 28, 1686</t>
  </si>
  <si>
    <t>Publication Statement: 1707, Illustrations: Illus., Dimensions: 21 cms, Bibliographical Note: Bibliography; Check date, Other Names: Verdries, Johann Melchior (Praeses), priref: 32756</t>
  </si>
  <si>
    <t>John M'culloch, Esq M.D.</t>
  </si>
  <si>
    <t>Dimensions: 21 cm, General Note: Photocopy, Genre: Biographies, Class Number: 92 MAC</t>
  </si>
  <si>
    <t>The Annual Address Delivered to the Royal College of Physicians on Monday, March 26, 1923 by the President</t>
  </si>
  <si>
    <t>Monday, March 26, 1923</t>
  </si>
  <si>
    <t>Hariison &amp; Sons, Ltd.</t>
  </si>
  <si>
    <t>On Perforations of the Stomach, from Poisoning and Disease</t>
  </si>
  <si>
    <t>Statement of Responsibility: by James Carmichael Smyth, Dimensions: 21 cm, Collection: UK Medical Heritage Library, Websites: &lt;a href=http://wellcomelibrary.org/player/b28524342""&gt;View online via the Wellcome Library&lt;/a&gt;; &lt;a href=""https://archive.org/details/rcplondon?&amp;and=b28524342""&gt;View online via the Internet Archive&lt;/a&gt;; &lt;a href=""https://ukmhl.historicaltexts.jisc.ac.uk/ukmhl-b28524342""&gt;View online via Jisc Historical Texts&lt;/a&gt;"", priref: 30119</t>
  </si>
  <si>
    <t>De apoplexia, disputationem inauguralem</t>
  </si>
  <si>
    <t>Bauerianis (literis)</t>
  </si>
  <si>
    <t>Publication Statement: 1654?, General Note: Bound with Rogers, G. Oratio Harveiana, 1681, Class Number: C06.091.4, priref: 36953</t>
  </si>
  <si>
    <t>Martinus Fridericus Friess</t>
  </si>
  <si>
    <t>Diarivm historicvm: ex sacris et prophanis omnivm nationvm et temporvm fastis, annalibvs, chronicis, &amp; historiis, magna diligentia excerptum, &amp; nunc primÃ¹m in lucem Ã¦ditum. In quo singvlorvm diervm apvd omnes gentes sydervm ortvs et occasvs, aeris constitvtionees, praecipua festa, consuetudines, nundinÃ¦, mutationes, res prosperÃ¨ &amp; aduersÃ¨ (ante &amp; post Christi natiuitatem) hinc inde peractÃ¦: VnÃ  cum pontificum, imperatorum, regum, principum, virorumq[ue] illustrium natali &amp; obitu, dilucidÃ© &amp; breuiter continentur. Quibus prÃ¦teritÃ¦ aut futurÃ¦, publicÃ¦, domesticÃ¦, &amp; priuatÃ¦ actiones, ob chartarum opportunitatem, commodÃ¨ inseri queunt. Omnibus historiarum amatoribus, singulis diebus, lectu iucunda &amp; utilissima</t>
  </si>
  <si>
    <t>Pantaleon, Heinricus</t>
  </si>
  <si>
    <t>Statement of Responsibility: authore Henrico Pantaleone physico Basiliensis, S. Lateranensis Palatij atque Caesarei Consistorij comite.., Publication Statement: BasileÃ¦. : Excusum impensis H.P. Anno M.D.LXXII. mense Septembri, Illustrations: portraits, Dimensions: 33 cm, Provenance: Copy 10589: Roberts and Watson note that the copy 'may be Dee's although it has no notes'., General Note: Copy 10589: Dorchester No. D126/7, Citation Note: Copy 10589: Roberts and Watson, 132, Collection: John Dee; Dorchester, Other Names: Dorchester, Henry Pierrepont, Marquis of, 1606-1680 (Donor), priref: 39324</t>
  </si>
  <si>
    <t>Heinricus Pantaleon</t>
  </si>
  <si>
    <t>Acute Poliomyelitis: Its Nature and Treatment</t>
  </si>
  <si>
    <t>Illustrations: illustrations, Dimensions: 26 cm, Series: Lumleian lectures, Series Number: 1916, General Note: Also published in the Lancet, volume 1, pages 809-812, Bibliographical Note: Bibliography, Genre: Lectures, Class Number: C042, priref: 13659</t>
  </si>
  <si>
    <t>Frederick Eustace Batten</t>
  </si>
  <si>
    <t>An Harveian oration and other remains of John Johnstone</t>
  </si>
  <si>
    <t>W. Nicol</t>
  </si>
  <si>
    <t>Corporate Author: Provincial Medical and Surgical Association; Birmingham School of Medicine and Surgery, Dimensions: 26 cm, Provenance: Autograph: Elkington, George; Autograph: Sawyer, James, Series: Harveian oration, Series Number: 1819, General Note: Includes: Harveian Oration 1819.; Includes: Memoir of John Johnstone by S. Butler, Bishop of Lichfield., Collection: UK Medical Heritage Library, Genre: Lectures; Biographies, Other Names: Elkington, George (Inscriber); Sawyer, James, Sir (Inscriber), Class Number: C06.091.4, Websites: &lt;a href=https://archive.org/details/rcplondon?&amp;and=b24975266""&gt;View online via the Internet Archive&lt;/a&gt;; &lt;a href=""http://wellcomelibrary.org/player/b24975266""&gt;View online via the Wellcome Library&lt;/a&gt;; &lt;a href=""https://ukmhl.historicaltexts.jisc.ac.uk/ukmhl-b24975266""&gt;View online via Jisc Historical Texts&lt;/a&gt;"", priref: 16974</t>
  </si>
  <si>
    <t>John Johnstone, Samuel Butler</t>
  </si>
  <si>
    <t>D.m.i. de transplantatione morborum [et Propempticon inaugurale de amello Virgilii]</t>
  </si>
  <si>
    <t>Dimensions: 20 cms, priref: 32766</t>
  </si>
  <si>
    <t>Propositions generales relatives aux maladies des os</t>
  </si>
  <si>
    <t>Statement of Responsibility: arranged and edited, by desire of the Treasurer of the hospital, and of the teachers of the medical and surgical school, by Thomas Hodgkin., Publication Statement: Watts for the Hospital, Dimensions: 22 cm, Collection: UK Medical Heritage Library, Genre: Museum catalogues, Class Number: 61(069.538), Websites: &lt;a href=https://archive.org/details/rcplondon?&amp;and=b24756921""&gt;View online via the Internet Archive&lt;/a&gt;; &lt;a href=""http://wellcomelibrary.org/player/b24756921""&gt;View online via the Wellcome Library&lt;/a&gt;; &lt;a href=""https://ukmhl.historicaltexts.jisc.ac.uk/ukmhl-b24756921""&gt;View online via Jisc Historical Texts&lt;/a&gt;; &lt;a href=""https://ukmhl.historicaltexts.jisc.ac.uk/ukmhl-b24756921""&gt;View online via Jisc Historical Texts&lt;/a&gt;"", priref: 13333</t>
  </si>
  <si>
    <t>P. B. Halle</t>
  </si>
  <si>
    <t>Binding Method: Hardback, Series: Harveian oration, Series Number: 1797, General Note: 21521-2: No.10 in a volume lettered 'Orationes Harveianae, 1752-97'; 21531-1: No.6 in a vol. lettered 'Orationes Harveianae, 1764-97', Genre: Lectures, Class Number: C06.091.4, priref: 8076</t>
  </si>
  <si>
    <t>Robert Bourne</t>
  </si>
  <si>
    <t>An Essay upon the State and Condition of Physicians among the Antients: Occasioned by a Late Dissertation of the Reverend Dr. Middleton: Asserting That Physick Was Servile and Dishonourable among the Old Romans, and Only Practis'd by Slaves, and the Meanest of the People</t>
  </si>
  <si>
    <t>MDCCXXVIII</t>
  </si>
  <si>
    <t>B. Motte</t>
  </si>
  <si>
    <t>Statement of Responsibility: by Charles Lamotte, Dimensions: 20 cm, Bibliographical Note: Bibliography., priref: 18663</t>
  </si>
  <si>
    <t>Charles Lamotte</t>
  </si>
  <si>
    <t>Alterations in the present statutes â€¦ [i. e. 1765]</t>
  </si>
  <si>
    <t>Publication Statement: c.1765, Dimensions: 20 cm, Bibliographical Note: Relates to the statutes of 1765., priref: 17117</t>
  </si>
  <si>
    <t>D. m. i. de hydrophobia</t>
  </si>
  <si>
    <t>Illustrations: illustrations (engraved), Dimensions: 54-56 cms, Provenance: Copy number 22147 Inscription opposite titla page: 'Elizabeth Bastard Her Book August the 12, 1760', Genre: Inscriptions; Engraved illustrations, Other Names: Bastard, Elizabeth (Former owner), priref: 29685</t>
  </si>
  <si>
    <t>Sexti Empirici viri longe doctissimi Aduersus mathematicos, hoc est, aduersus eos qui profitentur disciplinas, opus eruditissimum, complectens vniuersam Pyrrhoniorum acutissimorum philosophorum disputandi de quibuslibet disciplinis &amp; artibus rationem, GraecÃ¨ nunquam</t>
  </si>
  <si>
    <t>Statement of Responsibility: LatinÃ¨ nunc primÃ¹m editum, Gentiano Herueto Aurelio interprete. Eiusdem Sexti Pyrrhoniarum hypotypÅseÅn libri tres: quibus in tres philosophiae partes seuerissimÃ¨ inquiritur. Libri magno ingenij acumine scripti, veriaqÌue doctrina referti: Graece nunquam, LatinÃ¨ nunc primÃ¹m editi, interprete Henrico Stephano. Accessit &amp; Pyrrhonis vita, ex Diogene LaÃ«rtio, ex vulgata interpretatione, sed multis in locis castigata. Item, Claudij Galeni Pergameni contra Academico &amp; Pyrrhonios, D. Erasmo Roterodamo interprete..., Publication Statement: Parisiis : Apud Martinum Iuuenem, via S. Ioannis Lateranensis, ad insigne Serpentis, M. D. LXIX, Dimensions: 30 cm, Binding: Late 16th c. calf binding. With blind stamped centrepiece., Provenance: Annotation in pencil on fly-leaves recto and verso: 'z-6'; '45 / g3' Former shelfmarks?; Autograph on title-page: Nicholas Saunder; Copy no. 8022: Roberts and Watson note is signed 'Nich Saunder' at the foot of the titlepage, Series: is probably Dee's""."", Bibliographical Note: Colophon: Excudebat Parisiis Martinus Iuuenis, anno 1569 sexto calendas Iunij.; T.p. with printer's device; Pyrrhoniarum hypotyposeon libri tres (p. 399-542) has separate t.p; Paging irregular: p. 323 numbered 123; 353 is 153; 369 is 169; Copy number 8022: Dorchester number D16/1, Citation Note: Includes index, Summary: Roberts and Watson, 1790; Adams S1026, Preservation Note: Greek, Ancient; Latin, Other Names: Blind tooled bindings; Printers' devices; Calf bindings; Annotations; Autographs, Class Number: Dorchester, Henry Pierrepont, Marquis of, 1606-1680 (Donor); Saunder, Nicholas, 1563-1649 (Former owner), Child: 40705</t>
  </si>
  <si>
    <t xml:space="preserve">Empiricus Sextus, Gentian Hervet, Henri Estienne, Diogenes Laertius, Desiderius Erasmus, </t>
  </si>
  <si>
    <t>Scholarvm mathematicarvm libri vnvs et triginta</t>
  </si>
  <si>
    <t>apud AndreÃ¦ Wecheli heredes, Claud. Marnium. &amp; Ioan. Aubrium</t>
  </si>
  <si>
    <t>Pierre de la Ramee, Lazaro Schonero</t>
  </si>
  <si>
    <t>D. m. i. de erysipelate</t>
  </si>
  <si>
    <t>Dimensions: 22 cm, priref: 29760</t>
  </si>
  <si>
    <t>Jonathan Rogers Stokes</t>
  </si>
  <si>
    <t>Knowledge and Wisdom in Medicine</t>
  </si>
  <si>
    <t>Statement of Responsibility: Sir Dyce Duckworth, Publication Statement: 1902, Dimensions: 23 cm, Provenance: Autograph: Duckworth, Dyce (Sir), Class Number: 61(042), priref: 9410</t>
  </si>
  <si>
    <t>Quaestio medica an dysentericis anodyna?</t>
  </si>
  <si>
    <t>7 Februarii 1730</t>
  </si>
  <si>
    <t>February 7, 1730</t>
  </si>
  <si>
    <t>[G.F. Quillau (typis)]</t>
  </si>
  <si>
    <t>Dimensions: 18 cm, priref: 2310</t>
  </si>
  <si>
    <t>Henri Besnier</t>
  </si>
  <si>
    <t>Disputatio medica inauguralis de respirationis lÃ¦sione â€¦ ex auctoritate rectoris, F. de le B. Sylvii</t>
  </si>
  <si>
    <t>apud viduam &amp; hÃ¦redes J. Elsevirii</t>
  </si>
  <si>
    <t>Dimensions: 21 cm, priref: 16660</t>
  </si>
  <si>
    <t>Arnold Japyn</t>
  </si>
  <si>
    <t>Ephemerides anni salutis humani 1557 â€¦ et tabula cardinalis Galliae medio accommodata</t>
  </si>
  <si>
    <t>J. Royerij (ex off.)</t>
  </si>
  <si>
    <t>Jofrancus Offusius</t>
  </si>
  <si>
    <t>Dissertatio inavgvralis medica de defectv lactis</t>
  </si>
  <si>
    <t>MDCXCIX</t>
  </si>
  <si>
    <t>typis C. Krebsii</t>
  </si>
  <si>
    <t>Publication Statement: 1699, Dimensions: 23 cm, Bibliographical Note: Dissertation, Other Names: Wedel, Georg Wolfgang (Praeses), priref: 21688</t>
  </si>
  <si>
    <t>Christiano Godofredo Lehmanno</t>
  </si>
  <si>
    <t>Lettre sur la vaccine et les secondes vaccinations</t>
  </si>
  <si>
    <t>Janvier 1839</t>
  </si>
  <si>
    <t>January, 1839</t>
  </si>
  <si>
    <t>Statement of Responsibility: Emil Isensee, Publication Statement: Berlin : Liebmann, 1840-45, Dimensions: 22 cm, General Note: V.1: Aeltere und mittlere Geschichte; V. 2 wanting., Class Number: 61(09), priref: 18622</t>
  </si>
  <si>
    <t>Some Tendencies in Medical Education in the United States</t>
  </si>
  <si>
    <t>American Medical Association</t>
  </si>
  <si>
    <t>Statement of Responsibility: by Norman Moore, Dimensions: 22 cm, Series: Finlayson Memorial lecture, Series Number: 1908, General Note: At head of title: The Finlayson memorial lecture.; Reprinted from the Glasgow Medical Journal"" for April, Bibliographical Note: 1908."", Child: 60224</t>
  </si>
  <si>
    <t>Lewellys Franklin Barker</t>
  </si>
  <si>
    <t>These â€¦ de la retroflexion de l'uterus</t>
  </si>
  <si>
    <t>Rignoux, Imprimeur De La Faculte De Medecine</t>
  </si>
  <si>
    <t>Statement of Responsibility: par le dr Duchenne (de Boulogne), Publication Statement: Paris : P. Asselin, 1868, Illustrations: ill., Dimensions: 24 cm, Provenance: Autograph: Duchenne, Guillaume Benjamin Amand, Bibliographical Note: Bibliography, Other Names: Duchenne, G.-B. (Guillaume-Benjamin), 1806-1875 (Inscriber), Class Number: 616.74-009, priref: 9379</t>
  </si>
  <si>
    <t>Francois Dufraigne</t>
  </si>
  <si>
    <t>An Essay toward a Natural History of the Earthâ€¦ with an Account of the Universal Deluge and of the Effects That It Had upon the Earth</t>
  </si>
  <si>
    <t>Wilkin, Richard</t>
  </si>
  <si>
    <t>Dimensions: 16 cm, Provenance: Autograph: Ratcliffe, Thomas, Class Number: 61, priref: 34473</t>
  </si>
  <si>
    <t>John Woodward</t>
  </si>
  <si>
    <t>History of Febrile Caloricity, XLVII (Yellow Fever Dissection, CXLIV)</t>
  </si>
  <si>
    <t>August, 1845</t>
  </si>
  <si>
    <t>Statement of Responsibility: By Bennet Dowler., Dimensions: 22 cm, General Note: Catalogued from head of text.; First p. of text heading: 'The Medical Examiner and Record of Medical Science, new series, volume 8, August 1845'.; Bound in volume lettered: Medico-legal tracts, 4., Class Number: 340.6, priref: 9239</t>
  </si>
  <si>
    <t>Bennet Dowler</t>
  </si>
  <si>
    <t>The Marcus Beck Laboratory Reports</t>
  </si>
  <si>
    <t>Corporate Author: Liverpool School of Tropical Medicine, Illustrations: illustrations, plan, portraits, Dimensions: 22 cm, Binding Method: Hardback, Bibliographical Note: Bibliography, Class Number: 378.4:61(427.2), priref: 19596</t>
  </si>
  <si>
    <t>Report of the Annual Meeting of the London Mesmeric Infirmary, 36 Weymouth Street, Portland Place, Held in Willis's Rooms, King Street, St. James's on Tuesday, the 18th of June, 1861</t>
  </si>
  <si>
    <t>Mitchel and Son</t>
  </si>
  <si>
    <t>D.m.i. de morbo coxario</t>
  </si>
  <si>
    <t>Corporate Author: Vienna. Natural History Museum, Publication Statement: 1811, Dimensions: 26 cms, Bibliographical Note: No t.-p.; Check date, priref: 32915</t>
  </si>
  <si>
    <t>John Watts</t>
  </si>
  <si>
    <t>De succi nutritii in plantis circuitu disseret J. C. Franck</t>
  </si>
  <si>
    <t>MDCCVII</t>
  </si>
  <si>
    <t>Publication Statement: 1703, Dimensions: 23 cms, Other Names: Stahl, Georg Ernst (Praeses), priref: 30387</t>
  </si>
  <si>
    <t>Johann Christoph Franck</t>
  </si>
  <si>
    <t>The Medical Examiner and Record of Medical Science: New Series, No. 24, December 1846</t>
  </si>
  <si>
    <t>Dimensions: 22 cm, Other Names: Allen, John (Translator), priref: 8116</t>
  </si>
  <si>
    <t>Case of Rapid Decomposition of the Human Body: With Remarks on Putrefaction, and the Alleged Effects of Lime in Accelerating That Process</t>
  </si>
  <si>
    <t>William and Ogilvy</t>
  </si>
  <si>
    <t>Statement of Responsibility: By R. Christison., Publication Statement: 1827, Dimensions: 22 cm, Bibliographical Note: Caption title; Reprinted from Edinburgh medical and surgical Journal, No. 91; Bound in Medico-legal tracts, 36., Class Number: 340.6, priref: 29956</t>
  </si>
  <si>
    <t>Gl' Ordini della militia Romana: Tratti da Polibio in figure di Rame</t>
  </si>
  <si>
    <t>~MDLXXIII~</t>
  </si>
  <si>
    <t>All' Elefanta</t>
  </si>
  <si>
    <t>Publication Statement: In Venetia : All' Elefanta, M D LXXIII, Illustrations: illsutrations (copper engravings), Dimensions: 30 cm (4to), Provenance: Former shelfmark on title-page: V II; Former shelfmark book-label front cover, black: H; Copy 9029: Roberts and Watson note that this copy 'has no marks but is certainly Dee's. The presence of this unusual work with other Dee/Saunder books and the absence of a T"" or ""Fr"" mark here is too great to allow for doubt. The preface promises a version of the relevant parts of Polybius with a commentary by Francesco Patrizi'."", General Note: Printer's device on t.p., with motto: 'Non Sine Spe'; Giovanni Franco given as author on title page verso.; Copy 9029: Dorchester No. D15/11, Citation Note: EDIT16 CNCE 46319; Copy 9029: Roberts and Watson, 2115, Collection: Dorchester; John Dee, Genre: Printers' devices; Engraved illustrations; Shelf marks, Other Names: Dee, John, 1527-1608 (Former owner); Dorchester, Henry Pierrepont, Marquis of, 1606-1680 (Donor), priref: 39647</t>
  </si>
  <si>
    <t>Giovanni Franco</t>
  </si>
  <si>
    <t>The Pathology and Treatment of Diabetes Mellitus</t>
  </si>
  <si>
    <t>Henry Frowde and Hodder &amp; Stoughton</t>
  </si>
  <si>
    <t>Illustrations: illustrations, Dimensions: 20 cm, Series: Goulstonian lectures, Series Number: 1921, Bibliographical Note: Bibliography, Genre: Lectures, Class Number: C042, priref: 12902</t>
  </si>
  <si>
    <t>Askesis iatrike [in Greek] de sanguificatione leasa</t>
  </si>
  <si>
    <t>Publication Statement: 1682, Dimensions: 20 cms, Bibliographical Note: Dissertation. G.Brundel respondent.; Check date, Other Names: Wedel, Georg Wolfgang (Praeses); Brundel, Georg (Respondent), priref: 33922</t>
  </si>
  <si>
    <t>The Lumleian Lectures on Infective Endocarditis Mainly in Its Clinical Aspects</t>
  </si>
  <si>
    <t>March 26th and 31st and April 2nd, 1903</t>
  </si>
  <si>
    <t>March 26-April 2, 1903</t>
  </si>
  <si>
    <t>Printed by Good and Co.</t>
  </si>
  <si>
    <t>Publication Statement: 1903, Illustrations: illustrations, Dimensions: 22 cm, Series: Lumleian lectures, Series Number: 1903, General Note: Reprinted from the Lancet (1903), volume 1, April, pages 1007-1010, 1073-1077 and 1148-1153, Bibliographical Note: Bibliography, Genre: Lectures, Class Number: C042, priref: 12452</t>
  </si>
  <si>
    <t>[The Microscope as a Means of Diagnosis.]</t>
  </si>
  <si>
    <t>Statement of Responsibility: von Eduard Martin, Illustrations: ill., Dimensions: 22 cm, priref: 20713</t>
  </si>
  <si>
    <t>On Intra-Uterine Fractures: With an Illustrative Case</t>
  </si>
  <si>
    <t>MDCCCLVII</t>
  </si>
  <si>
    <t>Statement of Responsibility: By T. Herbert Barker., Publication Statement: M.DCCC.LVII, Dimensions: 22 cm, Provenance: Donation: Dr. Alfred S. Taylor FRS with the author's compls., Bibliographical Note: On t.p.: 'Reprinted from the British Medical Journal'; Bound in volume lettered Medico-legal tracts, 9., Class Number: 340.6, priref: 3423</t>
  </si>
  <si>
    <t>Thomas Herbert Barker</t>
  </si>
  <si>
    <t>Clinical Report on Dropsies â€¦</t>
  </si>
  <si>
    <t>Printed at the Iiibernia Press-Office</t>
  </si>
  <si>
    <t>Dimensions: 24 cm, Provenance: Autograph: Clutterbuck, Henry, Class Number: 616-002.79, priref: 6872</t>
  </si>
  <si>
    <t>John Crampton</t>
  </si>
  <si>
    <t>Dialogue quo Patrum sententiam de Coena Domini... explanat. H. Zvinglii Confessio fidei... P. Melanchthonis Judicium de controuersia Coenae Domini.. J. J. Gyrnaei Exomologesis ad Deum</t>
  </si>
  <si>
    <t>typis C. Waldkirchii</t>
  </si>
  <si>
    <t>Dimensions: 13 cm, Bibliographical Note: First words in title transliterated from Greek; A. a Wood attributes work to Thomas Severn; Wing S2817., Class Number: 52, priref: 26621</t>
  </si>
  <si>
    <t>Johann Oecolampadius</t>
  </si>
  <si>
    <t>Leper Houses and Mediaeval Hospitals</t>
  </si>
  <si>
    <t>H. K. Lewis</t>
  </si>
  <si>
    <t>Statement of Responsibility: by Charles A. Mercier, Dimensions: 22 cm, Binding Method: Hardback, Series: FitzPatrick lectures, Series Number: 1914, Genre: Lectures, Class Number: C042, priref: 22302</t>
  </si>
  <si>
    <t>The Goulstonian Lectures on the Influence of Pregnancy upon Certain Medical Diseases, and of Certain Medical Diseases upon Pregnancy: Delivered before the Royal College of Physicians of London</t>
  </si>
  <si>
    <t>British Medical Journal</t>
  </si>
  <si>
    <t>Statement of Responsibility: by Herbert French, Corporate Author: Royal College of Physicians of London, Dimensions: 22 cm, Series: Goulstonian lectures, Series Number: 1908, General Note: Reprinted from: British Medical Journal, 2, 9, 16 May 1908, Bibliographical Note: Bibliography, Genre: Lectures, Class Number: C042, priref: 36933</t>
  </si>
  <si>
    <t>Herbert Stanley French</t>
  </si>
  <si>
    <t>D. m. i. de puerperarum affectibus</t>
  </si>
  <si>
    <t>Publication Statement: Collins, 705 Jayne Street, Illustrations: ill., Dimensions: 23 cm, Provenance: Autograph on fly leaf: To the college of Physicians from the author Brown-Sequard, C.E., Bibliographical Note: Includes bibliographical references and index., Other Names: Brown-SeÌquard, Charles-Edouard, 1817-1894 (Inscriber), Class Number: 612.8, priref: 4910</t>
  </si>
  <si>
    <t>Cases of Insanity, Epilepsy, Hypochondriacal Affection, Hysteric Passion and Nervous Disorders Successfully Treated</t>
  </si>
  <si>
    <t>Printed for the Author by T. Fisher</t>
  </si>
  <si>
    <t>Publication Statement: 1779?, Dimensions: 22 cms, priref: 25222</t>
  </si>
  <si>
    <t>William Perfect</t>
  </si>
  <si>
    <t>Dissertatio peripatetico-theologica de coelis</t>
  </si>
  <si>
    <t>ex typog. G. HÃ¦nlin</t>
  </si>
  <si>
    <t>Dimensions: 21 cm, Binding: Binding: Heath, Benjamin, Provenance: Inscription on pastedown: Latin unidentified; Annotation on flyleaf: 'John Montague, John Holbrooke, (servants) unto ? Mr Cornelius Bee', Collection: Dorchester, Genre: Annotations; Inscriptions, Other Names: Montague, John (Associated name); Holbrooke, John (Associated name); Bee, Cornelius (Associated name), Images: CN 7589 - binding, De coelis_Tanner, 1621, three birds (poss. Heath).jpg CN 7589 - De coelis_Tanner, 1621, Mountague, Holbrooke, Cornelius.jpg CN 7589 - De coelis_Tanner, 1621, semper idem.jpg, priref: 41125</t>
  </si>
  <si>
    <t>Adam Tanner</t>
  </si>
  <si>
    <t>Resolutionum moralium volvmen novvm seu pars qvinta â€¦ ; additae in extremo operis declarationes sacrarum Congregationum, RotÃ¦que romanÃ¦ decisiones circa materiam immunitatis ecclesiasticÃ¦</t>
  </si>
  <si>
    <t>MDCXL</t>
  </si>
  <si>
    <t>sumpt. P. Chaudiere</t>
  </si>
  <si>
    <t>Dimensions: 36 cm, Provenance: Annotations on flyleaf: page numbers, Bibliographical Note: Pp. 437-8 wanting., Collection: Dorchester, Genre: Annotations, priref: 36576</t>
  </si>
  <si>
    <t>Antoninus Diana</t>
  </si>
  <si>
    <t>On Congenital Fistulae of the Trachea: A Patholigico-Therapeutic Commentary / C. H. Dzondi; Translatedâ€¦ by R. Knox</t>
  </si>
  <si>
    <t>William Irwin</t>
  </si>
  <si>
    <t>Dimensions: 22 cm, priref: 8815</t>
  </si>
  <si>
    <t>Charles Henry Dzondi</t>
  </si>
  <si>
    <t>Rudolph Virchow</t>
  </si>
  <si>
    <t>Chicago Pathological Society</t>
  </si>
  <si>
    <t>Statement of Responsibility: Maximilian Herzog, Dimensions: 23 cm, Provenance: Donated by the Osler Club, Genre: Biographies, Other Names: Osler Club of London (Donor), Class Number: 92 VIR, priref: 200002701</t>
  </si>
  <si>
    <t>Maximilian Herzog</t>
  </si>
  <si>
    <t>Dissertatio de docimastice metallica</t>
  </si>
  <si>
    <t>M. Godicchenii (typis)</t>
  </si>
  <si>
    <t>Illustrations: ill., Dimensions: 21 cm, Bibliographical Note: Two copies. One copy is bound with, Swammerdam, J., 'Miraculum naturae',1679. The other copy is at 4to Tr.33(4)., Class Number: 611.66, priref: 3404</t>
  </si>
  <si>
    <t>Olaus Borrichius</t>
  </si>
  <si>
    <t>D. m. i. de melancholia</t>
  </si>
  <si>
    <t>Januarii, Anno MDCLXXXV</t>
  </si>
  <si>
    <t>January, 1685</t>
  </si>
  <si>
    <t>Statement of Responsibility: by Thomas Thomson, Dimensions: 22 cm, General Note: Defence of treatment prescribed by T.Thompson in consultation with N.Broxolme, Class Number: 61:92 WIN, priref: 32577</t>
  </si>
  <si>
    <t>D. i. de paronychia. Ed. 2</t>
  </si>
  <si>
    <t>Septembr. Anno MDCLXXIV</t>
  </si>
  <si>
    <t>Bauhoferianis (literis)</t>
  </si>
  <si>
    <t>Dimensions: 20cms, Bibliographical Note: Dissertation. G.W.Wedel praeses., priref: 28738</t>
  </si>
  <si>
    <t>Ernest Fridemann Schelhass</t>
  </si>
  <si>
    <t>Memorial for John Bell and Charles Bell, Members of the Royal College of Surgeons of Edinburgh, against the Managers of the Royal Infirmary of Edinburgh (And Appendix)</t>
  </si>
  <si>
    <t>26. February 1801</t>
  </si>
  <si>
    <t>February 26, 1801</t>
  </si>
  <si>
    <t>Printed by D. Willison</t>
  </si>
  <si>
    <t>Dimensions: 22 cm, Provenance: Association: Baillie, Matthew; Autograph: Abernethy, John, Other Names: Baillie, Matthew, 1761-1823 (Donor), priref: 1094</t>
  </si>
  <si>
    <t>John Bell</t>
  </si>
  <si>
    <t>On Disinfection and Disinfectants</t>
  </si>
  <si>
    <t>March 13, 20, and 27, 1909</t>
  </si>
  <si>
    <t>March 13-27, 1909</t>
  </si>
  <si>
    <t>Publication Statement: 1909, Dimensions: 22 cm, Provenance: Autograph: Hewlett, R.T., Series: Milroy lectures, Series Number: 1909, Genre: Lectures, Class Number: C042, priref: 14983</t>
  </si>
  <si>
    <t>Richard Tanner Hewlett</t>
  </si>
  <si>
    <t>D.m.i. de dulcium natura, usu et abusu</t>
  </si>
  <si>
    <t>Publication Statement: 1683, Dimensions: 23cm, Bibliographical Note: Dissertation.; Bibliography, Other Names: Vater, Christian (Praeses); Betulius, Johann Salmon (Respondent), priref: 32428</t>
  </si>
  <si>
    <t>Oratio anniversaria â€¦ Ex Harveii instituto, MDCCXLII (Harveian Oration, 1742)</t>
  </si>
  <si>
    <t>MDCCXLII</t>
  </si>
  <si>
    <t>J. and P. Knapton</t>
  </si>
  <si>
    <t>Dimensions: 26, 23, 22, 30 cm, Series: Harveian oration, Series Number: 1742, General Note: 21396-8: No.25 in a volume lettered 'Orationes Harveianae, 1661-1743'; 21399-7: No.8 in a volume lettered 'Orationes Harveianae, 1697-1747'; 21402-3: No.9 in a volume lettered 'Orationes Harveianae, 1719-42'; 21416-6: No.4 in a volume lettered 'Orationes Harveianae, 1738-48', Class Number: C06.091.4, priref: 15420</t>
  </si>
  <si>
    <t>Benjamin Hoadly</t>
  </si>
  <si>
    <t>Atlas of the Formation of the Human Body: In the Earliest Stages of Its Development. Compiled from the Researches of the Late Professor M. P. Erdl</t>
  </si>
  <si>
    <t>Statement of Responsibility: by Joseph Kahn, Illustrations: ill., Dimensions: 30 cm, General Note: With half-title page.; Illustrated by 60 figures, contained in 13 plates., Genre: Atlases (Medical), Other Names: Kahn, Joseph (Compiler), priref: 10093</t>
  </si>
  <si>
    <t>Dr. Michael Pius Erdl</t>
  </si>
  <si>
    <t>Medical Men in Practice in Shropshire: 1779-1783</t>
  </si>
  <si>
    <t>Statement of Responsibility: by R. R. James, Dimensions: 23 cm, Provenance: Donated by Osler Club of London, Genre: Biographies, Other Names: Osler Club of London (Donor), Class Number: 92:61(424.5), priref: 16624</t>
  </si>
  <si>
    <t>52.71009,-2.75208</t>
  </si>
  <si>
    <t>Robert Rutson James</t>
  </si>
  <si>
    <t>On the Prevalence of Diphtheria and Throat-Disease within the Hospital during the Year 1890</t>
  </si>
  <si>
    <t>St Bartholomew's Hospital, London</t>
  </si>
  <si>
    <t>Statement of Responsibility: by Sir Dyce Duckworth, Illustrations: ill. (col.), Dimensions: 23 cm, Provenance: Book-plate, pastedown: Ex bibliotheca Car. I. Taboris; Stamp on title-page verso: Wellcome Institute Library; Autograph on half-title: With the author's compliments; Card glued on half-title p.: Ex libris Dr. J.W.T. Patterson, Droitwich., General Note: Reprinted form the 1889 edition.; Last 36 pages contain list of medical works by the publisher., Bibliographical Note: Includes bibliographical references and index., Collection: Heberden; UK Medical Heritage Library, Other Names: Wellcome Library (Former owner); Duckworth, Dyce, Sir, 1840-1928 (Inscriber); Patterson, J.W.T. (Former owner), Class Number: 616-002.78, Websites: &lt;a href=https://archive.org/details/rcplondon?&amp;and=b24992100""&gt;View online via the Internet Archive&lt;/a&gt;; &lt;a href=""http://wellcomelibrary.org/player/b24992100""&gt;View online via the Wellcome Library&lt;/a&gt;; &lt;a href=""https://ukmhl.historicaltexts.jisc.ac.uk/ukmhl-b24992100""&gt;View online via Jisc Historical Texts&lt;/a&gt;"", priref: 60941</t>
  </si>
  <si>
    <t>The Breaking Strain (Annual Oration of Medical Society of London, 1896)</t>
  </si>
  <si>
    <t>May 18th, 1896</t>
  </si>
  <si>
    <t>May 18, 1896</t>
  </si>
  <si>
    <t>[Medical Society of London]</t>
  </si>
  <si>
    <t>Statement of Responsibility: E. H. Pitcairn, Illustrations: illustrations, portraits, facsimiles, Dimensions: 24 cm, Genre: Biographies, Class Number: 92 CLA, priref: 200004491</t>
  </si>
  <si>
    <t>William Henry Allchin</t>
  </si>
  <si>
    <t>Unique Congenital Malformation Associated with Umbilical Hernia and a Pendulous Artificial Anus: An Ovarian Tumour Weighing One Hundred and Six Pounds with Great Elongation of the Cervix Uteri and Vagina; and Other Contributions to the Seventh Volume of Transactions of the Pathological Society of London</t>
  </si>
  <si>
    <t>J. W. Roche</t>
  </si>
  <si>
    <t>Statement of Responsibility: by George D. Gibb ..., Publication Statement: London : printed by J. W. Roche, 15, Cottage Row, Bermondsey, 1858, Illustrations: colour illustration, Dimensions: 23 cm, General Note: Item number 24 in volume 'Scientific works of G.D. Gibb Bart.'; Other contributions are: 'Calculus from the bladder of a field mouse -- Mus Sylvaticus' and 'Lobar pneumonia of the whole of the left lung and disseminated carnification with emphysema of the right lung in an infant'; Plate is signed: 'G.D. Gibb del. ; Tuffen West, chromolith. ; W. West, imp.', Other Names: Gibb, G. Duncan (George Duncan), Sir, 1821-1876 (Artist); West, Tuffen (Artist)</t>
  </si>
  <si>
    <t>Sir. George Duncan Gibb</t>
  </si>
  <si>
    <t>Expulsion of Two FÅ“tuses of Unequal Size at the Same Time, with Remarks on SuperfÅ“tation</t>
  </si>
  <si>
    <t>Statement of Responsibility: By Elias Horlbeck., Dimensions: 22 cm, Bibliographical Note: Catalogued from head of text; Caption title: 'Record of Medical Science'; An abstract of E. Horlbeck's original article in 'Charleston Medical Journal', January 1848; Reprinted from 'Medical Examiner and Record of Medical Science', volume 11, February 1848; Bound in volume lettered: Medico-legal Tracts, 4., Class Number: 340.6, priref: 15869</t>
  </si>
  <si>
    <t>Elias Horlbeck</t>
  </si>
  <si>
    <t>The Etiology of Endemic Goitre: Being the Milroy Lectures Delivered at the Royal College of Physicians in January, 1913</t>
  </si>
  <si>
    <t>Statement of Responsibility: by Robert McCarrison, Corporate Author: Royal College of Physicians of London, Illustrations: illustrations, map, Dimensions: 23 cm, Series: Milroy lectures, Series Number: 1913, General Note: Includes index, Bibliographical Note: Bibliography, Collection: UK Medical Heritage Library, Genre: Lectures, Class Number: C042, Websites: &lt;a href=https://archive.org/details/rcplondon?&amp;and=b24975485""&gt;View online via the Internet Archive&lt;/a&gt;; &lt;a href=""http://wellcomelibrary.org/player/b24975485""&gt;View online via the Wellcome Library&lt;/a&gt;; &lt;a href=""https://ukmhl.historicaltexts.jisc.ac.uk/ukmhl-b24975485""&gt;View online via Jisc Historical Texts&lt;/a&gt;"", priref: 20308</t>
  </si>
  <si>
    <t>Case of Poisoning by Nitrate of Potash</t>
  </si>
  <si>
    <t>FEB. 1846</t>
  </si>
  <si>
    <t>February, 1846</t>
  </si>
  <si>
    <t>Statement of Responsibility: par M. Julia de Fontenelle., Publication Statement: Librairie des Sciences Medicales de Just Rouvier et E. Le Bouvier, Dimensions: 22 cm, Provenance: Signature: Alfred S. Taylor - 15 St James's Terrace - Regents Park; Signature on title-page verso: Note, not contemporary, General Note: With half-title page.; Bound in Medico-legal Tracts, 28., Bibliographical Note: Bibliography., Collection: UK Medical Heritage Library, Other Names: Taylor, Alfred Swaine, 1806-1880 (Former owner), Class Number: 340.6, Websites: &lt;a href=http://wellcomelibrary.org/player/b28406473""&gt;View online via the Wellcome Library&lt;/a&gt;; &lt;a href=""https://archive.org/details/rcplondon?&amp;and=b28406473""&gt;View online via the Internet Archive&lt;/a&gt;; &lt;a href=""https://ukmhl.historicaltexts.jisc.ac.uk/ukmhl-b28406473""&gt;View online via Jisc Historical Texts&lt;/a&gt;"", priref: 17379</t>
  </si>
  <si>
    <t>The Sympathetic Nervous System in Disease</t>
  </si>
  <si>
    <t>Henry Frowde, Hodder &amp; Stoughton, Ltd.</t>
  </si>
  <si>
    <t>Illustrations: illustrations, Dimensions: 22 cm, Series: Croonian lectures, Series Number: 1918, Genre: Lectures, Class Number: C042, priref: 18772</t>
  </si>
  <si>
    <t>W. Langdon Brown</t>
  </si>
  <si>
    <t>D. m. i. de frigore</t>
  </si>
  <si>
    <t>Theodore Haak</t>
  </si>
  <si>
    <t>Dimensions: 20 cms, Provenance: Association: Barker, Dr., priref: 25137</t>
  </si>
  <si>
    <t>Thomas Percival</t>
  </si>
  <si>
    <t>Memorandum on the Proposed Alteration of the Rules of the [Royal] College [Of Physicians of London] to Enable the Fellows to Participate in Private Clinics</t>
  </si>
  <si>
    <t>John Bale, Sons &amp; Danielsson, Ltd</t>
  </si>
  <si>
    <t>Publication Statement: 1920?, Dimensions: 22 cm, Class Number: C614.25, priref: 20763</t>
  </si>
  <si>
    <t>James Mackenzie</t>
  </si>
  <si>
    <t>Natalis Comitis mythologiae, siue Explicationum fabularum libri decem. In quibus omnia propÃ¨ naturalis &amp; moralis philosophie dogmata sub antiquorum fabulis contenta suisse demonstratur. Cum locupletissimis indicibus eorum scriptorum, qui in his libris citantur, rerumque notabilium, &amp; multorum nominum ad fabulas pertinentium explicationibus. Opus non tanatum humanarum, sed etiam sacrarum literarum &amp; philosophiae studiosis perutile, ac propÃ© necessarium. Cum privilegio</t>
  </si>
  <si>
    <t>Comin da Trino, di Monferrato, active 1539-1574</t>
  </si>
  <si>
    <t>Publication Statement: Venetiis : Comin da Trino M D LXVIII., Dimensions: 21 cm (4to), Provenance: Copy number 10115: Roberts and Watson note that this copy may be Dee's, Series: but has no markings""."", Bibliographical Note: Copy number 10115: Dorchester number D130/9, Summary: Roberts and Watson, 1931, Preservation Note: Latin, Class Number: Dorchester, Henry Pierrepont, Marquis of, 1606-1680 (Donor), Child: 36390</t>
  </si>
  <si>
    <t>Pavsaniae De tota GrÃ¦cia libri decem: quibvs non solvm vrbium sitvs, locorumq[ue] interualla accuratÃ¨ est complexus, sed regum etiam familias, bellorum causas &amp; euentus, sacrorum ritus, rerumpub. status copiose descripsit: hactenus Ã  nemine in linguam Latinam conuersi, nuncq[ue] primÃ¹m in lucem editi</t>
  </si>
  <si>
    <t>Statement of Responsibility: Abrahamo Loeschero interprete. Accessit rerum &amp; uerborum locupletissimus, Publication Statement: Basileae : ex officina Ioannis Oporini, anno salutis humanae M.D.L. Mense Augusto, Dimensions: 35 cm, Binding: Contemporary blind- and gold-tooled calf binding with five raised bands., Provenance: Copy number 10379: Roberts and Watson note that It bears no name but is heavily annotated by Dee in parts. Against a Greek genealogy on p. 295 he notes 'I note this brytish manner in effect, Series: of repeting so highe theyr progenie at ones'. Bound in 16th-century calf, Series Number: lettered 'Pausanias' down the fore-edge."""", Citation Note: Imprint from colophon.; Errata on sig. A6.; Copy number 10379: Dorchester number D 121/5, Exhibition Note: Latin, Other Names: Ancient Greece, Class Number: Edge titles; Gold tooled bindings; Calf bindings; Annotations; Errata lists; Raised bands, Continues: Dee, John, 1527-1608 (Former owner); Dorchester, Henry Pierrepont, Marquis of, 1606-1680 (Donor), Parent: 39423</t>
  </si>
  <si>
    <t>, Abraham Loescher</t>
  </si>
  <si>
    <t>Delibatio Africanae historiÃ¦ ecclesiasticae, siue Optati Mileuitani libri VII. ad Parmenianum de schismate Donatistarum: Victoris Vticensis Libri III. de persecutione Vandalica in Africa</t>
  </si>
  <si>
    <t>Sonnius, Michel</t>
  </si>
  <si>
    <t>Statement of Responsibility: cum annotationibus ex Fr. Balduini I. C. Commentariis rerum Ecclesiasticarum, Publication Statement: Parisiis : Apud MichaeÌˆlem Sonnium, sub scuto Basiliensi, via Iacobaea 1569, Dimensions: 18 cm, Provenance: Copy number 9910: Roberts and Watson state that this copy has no notes but may be Dee's""."", General Note: Copy number 9910: Dorchester number D140/6, Citation Note: Roberts and Watson, 745, Collection: John Dee; Dorchester, Other Names: Dorchester, Henry Pierrepont, Marquis of, 1606-1680 (Donor), priref: 39225</t>
  </si>
  <si>
    <t>, Vitensis Victor, FranÃ§ois Baudouin</t>
  </si>
  <si>
    <t>A collection of songs, with symphonies and a thorough bass, with six lessons for the harpsichord</t>
  </si>
  <si>
    <t>[1760?]</t>
  </si>
  <si>
    <t>for the author</t>
  </si>
  <si>
    <t>Publication Statement: 1760?, Dimensions: 35 cm, Binding Method: Hardback, Class Number: C06.055.9, priref: 32215</t>
  </si>
  <si>
    <t>Elizabeth Turner</t>
  </si>
  <si>
    <t>D. m. de singularibus</t>
  </si>
  <si>
    <t>2 Octobr MDCLXIII</t>
  </si>
  <si>
    <t>October 2, 1663</t>
  </si>
  <si>
    <t>N. Scipionis (imp.)</t>
  </si>
  <si>
    <t>Dimensions: 23 cms, priref: 31615</t>
  </si>
  <si>
    <t>The Bradshaw Lecture on Prognosis in Relation to Disease of the Nervous System</t>
  </si>
  <si>
    <t>Statement of Responsibility: by Judson S. Bury, Corporate Author: Royal College of Physicians of London, Publication Statement: 1901, Illustrations: illustrations, Dimensions: 22 cm, Provenance: Autograph: Bury, Judson Sykes, Series: Bradshaw lectures Royal College of Physicians, Series Number: 1901, General Note: Delivered before the Royal College of Physicians of London, November 5th, 1901, Bibliographical Note: Includes bibliographical reference, Collection: UK Medical Heritage Library, Genre: Lectures; Authors' inscriptions, Other Names: Bury, Judson S. (Judson Sykes), 1852-1944 (Inscriber), Class Number: C042, Websites: &lt;a href=https://archive.org/details/rcplondon?&amp;and=b24974699""&gt;View online via the Internet Archive&lt;/a&gt;; &lt;a href=""http://wellcomelibrary.org/player/b24974699""&gt;View online via the Wellcome Library&lt;/a&gt;; &lt;a href=""https://ukmhl.historicaltexts.jisc.ac.uk/ukmhl-b24974699""&gt;View online via Jisc Historical Texts&lt;/a&gt;"", priref: 5745</t>
  </si>
  <si>
    <t>Oratio anniversaria â€¦ ex Harveii Instituto, 1743 (Harveian Oration, 1743)</t>
  </si>
  <si>
    <t>MDCCXLIII</t>
  </si>
  <si>
    <t>Robinson, Jacob, -1759</t>
  </si>
  <si>
    <t>Dimensions: 30 cm, Binding Method: Hardback, Series: Harveian oration, Series Number: 1743, General Note: 21396: No. 26 in volume lettered 'Orationes Harveianae, 1661-1743'; 21399: No. 9 in a volume lettered 'Orationes Harveianae, 1697-1747'; 21416: No. 5 in a volume lettered 'Orationes Harveianae, 1738-48', Class Number: C06.091.4, priref: 2546</t>
  </si>
  <si>
    <t>Robert Bankes</t>
  </si>
  <si>
    <t>Quaestio medica â€¦ an rheumatismus &amp; arthritis congeneres?</t>
  </si>
  <si>
    <t>M. DC. X.</t>
  </si>
  <si>
    <t>Lutetiae</t>
  </si>
  <si>
    <t>Dimensions: 19cms, Bibliographical Note: Wing A450, priref: 1425</t>
  </si>
  <si>
    <t>Nicolaus Henault, Guillaume de Baillou</t>
  </si>
  <si>
    <t>Restorative Medicine. An Harveian Annual Oration, Delivered at the Royal College of Physicians, London, on June 21,1871 (The 210th Anniversary)</t>
  </si>
  <si>
    <t>Henry C. Lea</t>
  </si>
  <si>
    <t>Statement of Responsibility: by Thomas King Chambers, Dimensions: 18 cm, Provenance: Autograph: Chambers, Thomas King, Series: Harveian oration, Series Number: 1871, General Note: With two sequels"" -- t.p."", Bibliographical Note: Includes bibliographical footnotes, Genre: Lectures, Other Names: Chambers, Thomas King, 1818-1889 (Inscriber), Class Number: C06.091.4, priref: 6295</t>
  </si>
  <si>
    <t>Thomas King Chambers</t>
  </si>
  <si>
    <t>Annotationes in legem II de captiuis &amp; postliminio reuersis, in quibus tractatur de re nauali â€¦ Eivsdem annotationes in tractatum. De auro &amp; argento legato, quibus vestimentorum &amp; vasculorum genera explicantur. Item A. Thylesii de coloribus libellus</t>
  </si>
  <si>
    <t>MDXLI</t>
  </si>
  <si>
    <t>Froben</t>
  </si>
  <si>
    <t>Dimensions: 25 cm, Provenance: Autograph on title page: unidentified, Collection: Dorchester, Genre: Illegible markings, Images: CN 7666 - t.p., Admirandum illud geometricum_Barozzi, 1586, inscription cropped.jpg, priref: 35721</t>
  </si>
  <si>
    <t>Lazari Bayfii, Antonii Thylesii</t>
  </si>
  <si>
    <t>Philippi Aureoli Theophrasti Paracelsi Bombast eremitae, summi inter Germanos medici &amp; philosophi. Chirurgia magna, in duos tomos digesta â€¦</t>
  </si>
  <si>
    <t>Athenagorae Atheniensis philosophi apologia, vel legatio, vel potius supplicatio pro Christianis â€¦ a Suffrido Petro â€¦ in latinam ex graeco translata, &amp; â€¦ commentarijs illustrata: adiectis etiam castigationibus eiusdem â€¦</t>
  </si>
  <si>
    <t>Publication Statement: Coloniae : apud haeredes Arnoldi Birckmanni ..., Anno 1567, Dimensions: 16 cm, Provenance: Autograph: Nicholas Saunder; Copy no. 10631: Roberts and Watson note that 'Nich. Saunder 1588"" has been written over what was probably ""Jo. Dee"" and a date. There are underlinings, Series: corrections and notes by Dee'."", Bibliographical Note: Copy 10631: Dorchester No. D148/2, Preservation Note: Latin, Other Names: Autographs, Class Number: Dee, John, 1527-1608 (Former owner); Dorchester, Henry Pierrepont, Marquis of, 1606-1680 (Donor); Petri, Suffridus, 1527-1597 (Translator); Saunder, Nicholas, 1563-1649 (Former owner), Child: 35625</t>
  </si>
  <si>
    <t xml:space="preserve">Petrus Leovardiensis, </t>
  </si>
  <si>
    <t>The Gold-Headed Cane</t>
  </si>
  <si>
    <t>Henry Kimpton</t>
  </si>
  <si>
    <t>Illustrations: facsims, ports, Dimensions: 26 cm, Bibliographical Note: Bibliography of 'The gold-headed cane' on page V names this as the 5th edition, Class Number: C8-3, priref: 21489</t>
  </si>
  <si>
    <t>William MacMichael, George Charles Peachey</t>
  </si>
  <si>
    <t>Anecdotes of the Deaf, Dumb, and Blind</t>
  </si>
  <si>
    <t>1845?</t>
  </si>
  <si>
    <t>Statement of Responsibility: and Friends"""", Publication Statement: Frys, Couchman &amp; Collier; E. &amp; C. Dilly; H. Payne, Publication Statement: 1779, ISSN: London : printed by Frys, Couchman and Collier, in Queen-Street, near Upper-Moorfields, for E. and C. Dilly, in the Poultry, and H. Payne, No. 67, Pall-Mall, M.DCC.LXXIX, Dimensions: 15, 1 pages, 1 leaf of folding plates, Accompanying Material: table, Binding: 20 cm (8vo), Provenance: Bound as a pamphlet with grey paper spine, Series Number: Small unidentifiable drawing, partly cropped, at foot of title page; Purchased from Mike Phleps, bookseller, March 2015, Citation Note: Sometimes attributed to J.C. Lettsom.; Folding plate 'Formulae medicamentorum pauperibus oraecipue accommodatae', with imprint 'London : printed by Frys, Couchman, and Collier, in Queen-Street, near Upper-Moorfields' bound between pages 12 and 13; Advertisement for 'A reply to a pamphlet entitled Remarks on a letter to Sir Robert Barker..."" ... by ... T. Dimsdale ... ' on last page"", Exhibition Note: English, Class Number: Annotations; Publishers' advertisements, Continued by: 614.21(421)</t>
  </si>
  <si>
    <t>Samuel Dale (C. 1659-1739), of Braintree, Botanist, and the Dale Family...</t>
  </si>
  <si>
    <t>Essex Museum of Natural History</t>
  </si>
  <si>
    <t>Statement of Responsibility: by George Bethell, Dimensions: 27 cm, Provenance: Autograph: Bethell, George, Class Number: 026:61(421), priref: 200000390</t>
  </si>
  <si>
    <t>43.3699674,-80.9822282, 51.734329,0.469089</t>
  </si>
  <si>
    <t>Miller Robert Christy</t>
  </si>
  <si>
    <t>An Essay on Some of the Most Important Diseases of Women, with a Description of a Novel Invention, for Their Treatment and Relief</t>
  </si>
  <si>
    <t>Hippolyte Bailliere</t>
  </si>
  <si>
    <t>Statement of Responsibility: by John Howship, Corporate Author: Royal Medical and Chirurgical Society of London, Publication Statement: Printed by G. Woodfall, Illustrations: ill., Dimensions: 21 cm, Series: Medico-Chirurgical Transactions, General Note: From the sixth volume of the Medico-Chirurgical Transactions, published by the Medical and Chirurgical Society of London. - title page., Collection: UK Medical Heritage Library, Websites: &lt;a href=http://wellcomelibrary.org/player/b28521572""&gt;View online via the Wellcome Library&lt;/a&gt;; &lt;a href=""https://archive.org/details/rcplondon?&amp;and=b28521572""&gt;View online via the Internet Archive&lt;/a&gt;; &lt;a href=""https://ukmhl.historicaltexts.jisc.ac.uk/ukmhl-b28521572""&gt;View online via Jisc Historical Texts&lt;/a&gt;"", priref: 16018</t>
  </si>
  <si>
    <t>William Jones</t>
  </si>
  <si>
    <t>Sub-Tropical Esculents</t>
  </si>
  <si>
    <t>Statement of Responsibility: by Michael C. Grabham, Dimensions: 20 cm, Provenance: Autograph : Author, Series: Bradshaw lectures Royal College of Physicians, Series Number: 1921, General Note: The Bradshaw lecture for 1921 delivered before the Royal College of Physicians of London on the fifth of November, Bibliographical Note: Bibliography, Genre: Lectures; Authors' inscriptions, Other Names: Grabham, Michael Comport (Inscriber), Class Number: C042, priref: 12888</t>
  </si>
  <si>
    <t>Michael Comport Grabham</t>
  </si>
  <si>
    <t>The Papers Set for the Examinations for the Diploma in Public Health of the Royal College of Physicians of London and the Royal College of Surgeons of England during the Year 1911</t>
  </si>
  <si>
    <t>On the Nature and History of the Marsh Poison</t>
  </si>
  <si>
    <t>Printed by P. Neill</t>
  </si>
  <si>
    <t>Statement of Responsibility: translated and edited by F. Le Gros Clark, Publication Statement: Printed for the Sydenham Society, Dimensions: 23 cm, Series: Sydenham Society, General Note: Translation of: LeÃ§ons orales de clinique chirurgicale faites Ã  l'HÃ´tel-Dieu de Paris.; Includes index., Collection: UK Medical Heritage Library, Other Names: Clark, Frederick Le Gros, 1811-1892 (Editor), Class Number: 616.71, Websites: &lt;a href=https://archive.org/details/rcplondon?&amp;and=b23982573""&gt;View online via the Internet Archive&lt;/a&gt;; &lt;a href=""http://wellcomelibrary.org/player/b23982573""&gt;View online via the Wellcome Library&lt;/a&gt;; &lt;a href=""https://ukmhl.historicaltexts.jisc.ac.uk/ukmhl-b23982573""&gt;View online via Jisc Historical Texts&lt;/a&gt;"", priref: 9646</t>
  </si>
  <si>
    <t>William Ferguson</t>
  </si>
  <si>
    <t>The Vessels of the Human Body; in a Series of Plates, with References and Physiological Comments</t>
  </si>
  <si>
    <t>Taylor and Walton</t>
  </si>
  <si>
    <t>Corporate Author: Select Committee in Relation to Quarantine Laws of the Port of New York, Illustrations: 2 maps, Dimensions: 24 cm, General Note: At head of title: State of New-York, no. 60, In Assembly, January 22, 1846., Collection: UK Medical Heritage Library, Class Number: 614.46(747), Websites: &lt;a href=https://archive.org/details/rcplondon?&amp;and=b24907091""&gt;View online via the Internet Archive&lt;/a&gt;; &lt;a href=""http://wellcomelibrary.org/player/b24907091""&gt;View online via the Wellcome Library&lt;/a&gt;; &lt;a href=""https://ukmhl.historicaltexts.jisc.ac.uk/ukmhl-b24907091""&gt;View online via Jisc Historical Texts&lt;/a&gt;"", priref: 23754</t>
  </si>
  <si>
    <t>Jones Quain, Sir Erasmus Wilson</t>
  </si>
  <si>
    <t>QuÃ¦stio medica, J. de Bourges PrÃ¦s: an aÃ«r prÃ¦cipua valetudinis causa?</t>
  </si>
  <si>
    <t>apud F. Muguet</t>
  </si>
  <si>
    <t>Dimensions: 22 cm, Series: Croonian sermon, Series Number: 1749, Bibliographical Note: Lettered Six College Sermons, 1749-54., Class Number: C252, priref: 3657, Child: 5627; 5629; 5633; 5635; 5637</t>
  </si>
  <si>
    <t>Eusebe Adrien Thuillier</t>
  </si>
  <si>
    <t>Presidential Address to the Royal College of Physicians April 13th, 1908</t>
  </si>
  <si>
    <t>Dissertatio inauguralis medico-chirurgica, de fistularum nova, tuta ac compendiosa sanatione â€¦</t>
  </si>
  <si>
    <t>XII Martii MDCXCVII</t>
  </si>
  <si>
    <t>March 12, 1697</t>
  </si>
  <si>
    <t>Literis Christiani Henckelii</t>
  </si>
  <si>
    <t>Statement of Responsibility: offert Johannes Nicolaus RoÂ¨per, Publication Statement: 1697, Dimensions: 22 cm, Other Names: Roper, Johann Nicolaus (Respondent); Hoffmann, Friedrich, 1660-1742 (Praeses), priref: 15509</t>
  </si>
  <si>
    <t>Liber proportionu[m]</t>
  </si>
  <si>
    <t>Petit, Jean</t>
  </si>
  <si>
    <t>Statement of Responsibility: Magistri Hieronimi de Hangest, Publication Statement: Venundatur Parisijs : A Iohanne Paruo .. , millesimo quingentesimo octauo, xxij, Junij, Dimensions: 29 cm, Provenance: Autograph on head of title-page: 'Joannes Dee John Dee 1557. 4 Maij Londini'; Annotations on title page and flyleaf: 'v underlined; 'd underlined o'; 'q-207' Former shelfmarks?; Label on cover: 'G' Former shelfmark; Copy no. 7948: Roberts and Watson note that it is Dee's copy 'signed Joannes Dee 1557. 4. Maij. Londini""'."", General Note: Printer's device on t.p.: Jehan Petit; Date supplied from colophon: '... Parrhisijs nouissime impressus opera Johannis Barbier ... sumptibus Johannis Parui ... millesimo quingentesimo octauo, xxij, Junij; 'Antidotum memorie atque intellectus moralisatum i exordium summularum' and errata: dagger. 29-30; Printer's waste from Marco Polo's De Regionibus Orientalibus, pastedown.; Copy 7948: Dorchester No. D13/17, Citation Note: Roberts and Watson, 316, Collection: Dorchester; John Dee, Genre: Autographs; Shelf marks; Printers' devices; Errata lists; Printed waste; Annotations, Other Names: Dee, John, 1527-1608 (Former owner); Dorchester, Henry Pierrepont, Marquis of, 1606-1680 (Donor), priref: 37903</t>
  </si>
  <si>
    <t>JÃ©rÃ´me de Hangest</t>
  </si>
  <si>
    <t>Corollarium institutionum rei herbariae, in quo plantae 1356 â€¦ in orientalibus regionibus observatae recensentur, et ad genera sua revocantur</t>
  </si>
  <si>
    <t>[Regia (e typographia)]</t>
  </si>
  <si>
    <t>Publication Statement: 1703, Illustrations: ill., Dimensions: 25 cm, Provenance: *Autograph: Tournefort, Joseph Pitton de, Bibliographical Note: MS. notes by author., Class Number: 58, priref: 31810</t>
  </si>
  <si>
    <t>Joseph Pitton de Tournefort</t>
  </si>
  <si>
    <t>L. Annaei Senecae tragoediae</t>
  </si>
  <si>
    <t>Voegelin, Ernst, active 1562-1576</t>
  </si>
  <si>
    <t>Statement of Responsibility: editae emendatiores studio Georgii Fabricii Chemnicensis, Publication Statement: Lipsiae : In officina Ernesti Voegelini Constantiensis, ANNO M.D.LXVI, Dimensions: 17 cm, Provenance: Copy 10097: Roberts and Watson note that is it probably Dee's, on the basis of identical bindings to no. 1142 and no. 1116, of which 1142 has Dee's underlinings., General Note: Imprint from colophon.; Copy 10097: Dorchester No. D136/5, Citation Note: Copy 10097: Roberts and Watson, 1142, Collection: John Dee; Dorchester, Other Names: Dee, John, 1527-1608 (Former owner); Dorchester, Henry Pierrepont, Marquis of, 1606-1680 (Donor); Fabricius, Georg, 1516-1571 (Editor), priref: 40605</t>
  </si>
  <si>
    <t>51.3396955,12.3730747</t>
  </si>
  <si>
    <t>An Outline of the History of the British Red Cross Society from Its Foundation in 1870 to the Outbreak of the War in 1914</t>
  </si>
  <si>
    <t>British Red Cross Society</t>
  </si>
  <si>
    <t>Dimensions: 22 cm, Provenance: Autograph: Latham, Arthur Charles, Class Number: 616.24-002.5, priref: 18892</t>
  </si>
  <si>
    <t>Archie Kirkman Loyd</t>
  </si>
  <si>
    <t>Annalen der gesammten Staatsarzneikunde</t>
  </si>
  <si>
    <t>H. Laupp'sche Buchhandlung</t>
  </si>
  <si>
    <t>Dimensions: 13 cm (12mo), Binding: Contemporary stiffened parchment binding on three vellum sewing supports, with sewn headbands, edges sprinkled in blue. Remains of marbled paper inside upper and lower boards, and patterns of staining on boards indicate the book was previously partly covered in paper. Title inscribed in ink on spine: 'De Usu lactis Greiselij', Provenance: Purchased from Bernard Quaritch Ltd, May 2017, Collection: Heberden, Genre: Vellum bindings; Vellum thongs; Worked headbands; Sprinkled edges; Marbled papers</t>
  </si>
  <si>
    <t>48.521637,9.057645</t>
  </si>
  <si>
    <t>Dr. P. J. Schneider, Dr. J. H. SchÃ¼rmayer</t>
  </si>
  <si>
    <t>On the Strata in the Neighbourhood of Bristol, with Notes Extracted from the Communications of G. Cumberland, [And a Note on Magnesian Breccia by H. Warburton]</t>
  </si>
  <si>
    <t>Printed by W. Phillips</t>
  </si>
  <si>
    <t>Dimensions: 28 cm, Bibliographical Note: Reprinted from the, Trans. Geol. Soc., volume 4, 1817, pp.193-204., Class Number: C08 BRI, priref: 4965</t>
  </si>
  <si>
    <t>Richard Bright, George Cumberland, Henry Warburton</t>
  </si>
  <si>
    <t>Another Essay in Political Arithmetick Concerning the Growth of the City of London</t>
  </si>
  <si>
    <t>M. Pardoe</t>
  </si>
  <si>
    <t>Dimensions: 18 cms, Bibliographical Note: Wing P1915., priref: 25511</t>
  </si>
  <si>
    <t>Sir William Petty</t>
  </si>
  <si>
    <t>On Subcutaneous Nodules Connected with Fibrous Structures, Occuring in Children the Subjects of Rheumatism and Chorea</t>
  </si>
  <si>
    <t>J. W. Kolckmann</t>
  </si>
  <si>
    <t>Statement of Responsibility: by Samuel Gee, Corporate Author: British Medical Association, Publication Statement: 1883, Dimensions: 22 cm, General Note: Caption title.; After responsibility: A survey of the literature of the diseases of childhood.; 'Reprinted for the author from the British medical journal, Aug. 4th, 1883' -- at head of page., Collection: UK Medical Heritage Library, Websites: &lt;a href=http://wellcomelibrary.org/player/b28040417""&gt;View online via the Wellcome Library&lt;/a&gt;; &lt;a href=""https://archive.org/details/rcplondon?&amp;and=b28040417""&gt;View online via the Internet Archive&lt;/a&gt;; &lt;a href=""https://ukmhl.historicaltexts.jisc.ac.uk/ukmhl-b28040417""&gt;View online via Jisc Historical Texts&lt;/a&gt;"", priref: 60821</t>
  </si>
  <si>
    <t>Sir Thomas Barlow, Francis Warner</t>
  </si>
  <si>
    <t>Medicine and the Universities</t>
  </si>
  <si>
    <t>University of Chicago Press</t>
  </si>
  <si>
    <t>Statement of Responsibility: By Dr. John Harley., Publication Statement: 1920?, Dimensions: 22 cm, Provenance: Book-stamp dated 1920 from Adlards &amp; Son, Bibliographical Note: Catalogued from head of text; Half-title p.: On camphor. Published in an early vol. of The Practitioner; Proof copy, has publisher's stamp on top right of half-title p. and several corrections by hand; Spine lettered: Contributions to medical science, John Harley 1864-1889., priref: 60438</t>
  </si>
  <si>
    <t>Medico-Legal Report of the Evidence Given on a Recent Trial for Murder by Poisoning with Arsenic</t>
  </si>
  <si>
    <t>Statement of Responsibility: By John Shaw., Illustrations: ill., engr., Dimensions: 24 cm, Binding: Plain grey boards and paper spine, with book-label., Provenance: Plain grey boards and paper spine, with book-label., Collection: Heberden, priref: 48180</t>
  </si>
  <si>
    <t>Oratio Harveiana â€¦ , 1752 (Harveian Oration, 1752)</t>
  </si>
  <si>
    <t>MDCCLIIII</t>
  </si>
  <si>
    <t>P. Vaillant (apud)</t>
  </si>
  <si>
    <t>Edward Milward</t>
  </si>
  <si>
    <t>The Harveian Oration, Delivered at the Royal College of Physicians, London. June 29th, 1867</t>
  </si>
  <si>
    <t>Statement of Responsibility: by James Alderson, Dimensions: 20 cm, Binding Method: Hardback, Series: Harveian oration, Series Number: 1867, General Note: With a half-title, Genre: Lectures, Class Number: C06.091.4, priref: 39295</t>
  </si>
  <si>
    <t>Nova â€¦ expositio capitum seu legum praetorum, ac judicum syndicatus regni totius Hispaniae â€¦</t>
  </si>
  <si>
    <t>M. a Canto (excud.)</t>
  </si>
  <si>
    <t>Publication Statement: 1612, Illustrations: port., Dimensions: 36 cm, Collection: Dorchester, priref: 35501</t>
  </si>
  <si>
    <t>Francisco de Aviles</t>
  </si>
  <si>
    <t>The King's Evil</t>
  </si>
  <si>
    <t>Clarendon Press</t>
  </si>
  <si>
    <t>Statement of Responsibility: by Raymond Crawfurd, Corporate Author: Royal College of Physicians of London, Illustrations: illustrations, facsimiles, Dimensions: 24 cm, Binding Method: Hardback, Series: FitzPatrick lectures, Series Number: 1911, General Note: Presents, Bibliographical Note: in ampler form, Citation Note: the substance of my Fitzpatrick lectures at the Royal college of Physicians in 1911""-- Preface; With folding facsimilie broadsheet on front end paper. 'The Manner of His Majesties Curing the Disease, Summary: called the Kings-Evil.' London: Printed for Dorman Newman, Preservation Note: 1679"", Exhibition Note: Bibliography, Genre: Tuberculosis, Lymph Node; Royal Touch; Folklore; Superstition, Class Number: Royal College of Physicians of London, Websites: Lectures, Attached Documents: C042, Numbering Note: 7725</t>
  </si>
  <si>
    <t>The Need of Research in Medicine: the Harveian Oration Delivered before the Royal College of Physicians of London on St. Luke's Day, 1907</t>
  </si>
  <si>
    <t>Statement of Responsibility: by Frederick Taylor, Dimensions: 20 cm, Binding Method: Hardback, Series: Harveian oration, Series Number: 1907, Collection: UK Medical Heritage Library, Genre: Lectures, Class Number: C06.091.4, Websites: &lt;a href=https://archive.org/details/rcplondon?&amp;and=b24976313""&gt;View online via the Internet Archive&lt;/a&gt;; &lt;a href=""http://wellcomelibrary.org/player/b24976313""&gt;View online via the Wellcome Library&lt;/a&gt;; &lt;a href=""https://ukmhl.historicaltexts.jisc.ac.uk/ukmhl-b24976313""&gt;View online via Jisc Historical Texts&lt;/a&gt;"", priref: 31472</t>
  </si>
  <si>
    <t>Observations on the Theory of Respiration</t>
  </si>
  <si>
    <t>Printed by Richard Taylor, Red Lion Court, Fleet Street</t>
  </si>
  <si>
    <t>Statement of Responsibility: par Mathias Roussette, Publication Statement: Strasbourg : De l'imprimerie de L.F. LeRoux, An X, Dimensions: 25 cm, Binding: Rebound in recent marbled boards; spine book-label; new endpapers, Collection: Heberden; UK Medical Heritage Library, Genre: Academic dissertations, Websites: &lt;a href=http://wellcomelibrary.org/player/b28148605""&gt;View online via the Wellcome Library&lt;/a&gt;; &lt;a href=""https://archive.org/details/rcplondon?&amp;and=b28148605""&gt;View online via the Internet Archive&lt;/a&gt;; &lt;a href=""https://ukmhl.historicaltexts.jisc.ac.uk/ukmhl-b28148605""&gt;View online via Jisc Historical Texts&lt;/a&gt;"", priref: 48134</t>
  </si>
  <si>
    <t>William Stevens</t>
  </si>
  <si>
    <t>AnthropogeniÃ¦ ichnographia sive, conformatio foetus ab ovo usque ad ossificationis principia</t>
  </si>
  <si>
    <t>Illustrations: ill., Dimensions: 23 cm, priref: 17843</t>
  </si>
  <si>
    <t>Theodor Kerckring</t>
  </si>
  <si>
    <t>An Abstract of a Bill for Regulating the Practice of Apothecaries, Surgeon-Apothecaries, and Practitioners in Midwifery, and Compounders and Dispensers of Medicine, throughout England and Wales. Published by Order of the General Committee</t>
  </si>
  <si>
    <t>Daniel Nathan Shury; Gallow</t>
  </si>
  <si>
    <t>Statement of Responsibility: by I. Watts, Dimensions: 11 cm, General Note: Includes index., priref: 60757</t>
  </si>
  <si>
    <t>Histoire de La medecine</t>
  </si>
  <si>
    <t>Oratio anniversaria â€¦ ex HarvÃ¦i instituto, habita 1738 (Harveian Oration, 1738)</t>
  </si>
  <si>
    <t>W. Innys and R. Manby</t>
  </si>
  <si>
    <t>Dimensions: 26cm, Binding: Binding - Unidentified, Series: Harveian oration, Series Number: 1738, General Note: 21396-14: No. 22 in a volume lettered 'Orationes Harveianae, 1661-1743'; 21416-9: No.1 in a volume lettered 'Orationes Harveianae, 1738-48', Class Number: C06.091.4, priref: 23857</t>
  </si>
  <si>
    <t>John Newington</t>
  </si>
  <si>
    <t>The Passing of Morbid Anatomy: The Harveian Oration for 1912 Delivered at the Royal College of Physicians on St. Luke's Day, October 18,1912</t>
  </si>
  <si>
    <t>John Murray</t>
  </si>
  <si>
    <t>Statement of Responsibility: by James F. Goodhart, Dimensions: 22 cm, Binding Method: Hardback, Provenance: Autograph: Parkinson, Series: Harveian oration, Series Number: 1912, Bibliographical Note: Includes bibliographical references, Genre: Lectures, Class Number: C06.091.4, priref: 12644</t>
  </si>
  <si>
    <t>Sir James Frederic Goodhart</t>
  </si>
  <si>
    <t>The Increase of Insanity: the Lumleian Lectures, 1907, Delivered before the Royal College of Physicians, London</t>
  </si>
  <si>
    <t>~MCMVII~</t>
  </si>
  <si>
    <t>Statement of Responsibility: by George Henry Savage, Dimensions: 22 cm, Series: Lumleian lectures, Series Number: 1907, General Note: Bound with the author's 'The Harveian Oration on experimental psychology and hypnotism', 1909, Collection: UK Medical Heritage Library, Genre: Lectures, Class Number: C042, Websites: &lt;a href=https://archive.org/details/rcplondon?&amp;and=b24976118""&gt;View online via the Internet Archive&lt;/a&gt;; &lt;a href=""http://wellcomelibrary.org/player/b24976118""&gt;View online via the Wellcome Library&lt;/a&gt;; &lt;a href=""https://ukmhl.historicaltexts.jisc.ac.uk/ukmhl-b24976118""&gt;View online via Jisc Historical Texts&lt;/a&gt;"", priref: 28453</t>
  </si>
  <si>
    <t>An Essay upon Reason and the Nature of Spirits</t>
  </si>
  <si>
    <t>J. Dunton</t>
  </si>
  <si>
    <t>Dimensions: 18 cm, Bibliographical Note: Wing B6150.; MS notes., Class Number: 1-BUR, priref: 5427</t>
  </si>
  <si>
    <t>Richard Burthogge</t>
  </si>
  <si>
    <t>Some Observations Concerning the Fever Which Prevailed at Cambridge during the Spring of 1815</t>
  </si>
  <si>
    <t>Statement of Responsibility: Edited by John Rose Cormack ..., Publication Statement: MDCCCXLV, Illustrations: illustrations, Dimensions: 22 cm, Binding Method: Hardback, General Note: Spine lettered Medico-Legal Tracts, 17; Pages 695-704 were wrongly inserted in the end of the text; T.p. is wrongly inserted; Numbers (chapters) have each separate t.p.; Incomplete number, Continues: London and Edinburgh Monthly Journal of Medical Science, priref: 60594</t>
  </si>
  <si>
    <t>John Haviland</t>
  </si>
  <si>
    <t>D. m. de urinis, earumque significationibus</t>
  </si>
  <si>
    <t>Septembris MDCLXXVIII</t>
  </si>
  <si>
    <t>September, 1678</t>
  </si>
  <si>
    <t>Publication Statement: 1678, Dimensions: 20 cms, Bibliographical Note: Dissertation. G.W.Wedel praeses., priref: 28631</t>
  </si>
  <si>
    <t>Johann Daniel Schrader</t>
  </si>
  <si>
    <t>D. m. i. de sive dolore dentium</t>
  </si>
  <si>
    <t>Dimensions: 20cms., Bibliographical Note: Dissertation. F.J.Peters respondent, Other Names: Rolfinck, Werner (Praeses); Peters, Franciscus Julius (Respondent), priref: 28480</t>
  </si>
  <si>
    <t>Problematum astronomicorum et geometricorum sectiones septem â€¦</t>
  </si>
  <si>
    <t>MDLXI</t>
  </si>
  <si>
    <t>Per Henrichum Petri et Petrum Pernam</t>
  </si>
  <si>
    <t>Statement of Responsibility: Omnia nunc simul in lucem edita in gratiam matheseos studiosorum per Danielem Santbech., Publication Statement: 1561?, Illustrations: ill., Dimensions: 32 cm, General Note: Former shelfmark on title-page: (B2 - 20); Former shelfmark on title-page, verso: H - 3-16, Bibliographical Note: Publisher and date of imprint from t.p., pt. 2; Introductory note to the Tractatus by I. Schonerus; Engraved initials; Includes index; MS notes, Collection: Dorchester, Other Names: Santbech, Daniel (Editor), priref: 39937</t>
  </si>
  <si>
    <t>Daniel Santbech</t>
  </si>
  <si>
    <t>Resolutioni de alcuni dubii sopra la correttione dell' anno di Giulio Cesare</t>
  </si>
  <si>
    <t>MDLXXXIII</t>
  </si>
  <si>
    <t>G. Polo (app.)</t>
  </si>
  <si>
    <t>Dimensions: 22 cm, Collection: Dorchester, priref: 41545</t>
  </si>
  <si>
    <t>Gioseffo Zarlino</t>
  </si>
  <si>
    <t>Proceedings of the Thirty-Fourth Anniversary Meeting of the Hunterian Society, Held on the 2nd February, 1853 with the Report, and List of Officers and Members</t>
  </si>
  <si>
    <t>Corporate Author: Hunterian Society, Dimensions: 22 cm, priref: 16405</t>
  </si>
  <si>
    <t>Ein beitrag zur Helminthographia humana, aus brieflichen Mittheilungen des Dr Bilharz in cairo, nebst Bemerkungen von Prof. C. Th. von Siebold</t>
  </si>
  <si>
    <t>Statement of Responsibility: T. M. Bilharz, Illustrations: illustrations, Dimensions: 24 cm, Bibliographical Note: Bibliography., Class Number: 595.122, priref: 200000420</t>
  </si>
  <si>
    <t>Theodor Bilharz, Carl Th. Ernst von Siebold</t>
  </si>
  <si>
    <t>Ã‰tudes cliniques sur divers points de l'histoire des fiÃ¨vres bilieuses et typhoides</t>
  </si>
  <si>
    <t>The Harveian Oration, 1876</t>
  </si>
  <si>
    <t>Statement of Responsibility: by the late E.A. Parkes, Publication Statement: J. &amp; A. Churchill, New Burlington Street, Dimensions: 18 cm, Binding Method: Hardback, Series: Harveian oration, Series Number: 1876, General Note: The following unfinished oration, Bibliographical Note: written by Dr. E. A. Parkes, Citation Note: was read before the President and Fellows of The Royal College of Physicians, Summary: on June 26th, Preservation Note: by Sir William Jenner, Exhibition Note: F.R.C.P., Collection: at the request of Sir George Burrows, Websites: Harvey, William, 1578-1657, Holding Note: Royal College of Physicians of London, Price: Lectures, priref: C06.091.4</t>
  </si>
  <si>
    <t>Edmund A Parkes</t>
  </si>
  <si>
    <t>A Sermon Preached at the Funeral of Dr William Croun on the 23rd of October 1684</t>
  </si>
  <si>
    <t>Printed for R. Horne [Etc.]</t>
  </si>
  <si>
    <t>Dimensions: 21 cm, General Note: Photocopy available to view., Bibliographical Note: Wing S2068., Class Number: C 92 CRO, priref: 28840</t>
  </si>
  <si>
    <t>A Syllabus of the Lectures on Midwifery, Delivered at Guy's Hospital, and at Dr. Haighton's Theatreâ€¦</t>
  </si>
  <si>
    <t>Statement of Responsibility: with the sermon occasioned by his death by C. Jerram, Dimensions: 21 cm, Provenance: Autograph: Leverett, William, Class Number: 92 GOO, priref: 13169</t>
  </si>
  <si>
    <t>John Haighton</t>
  </si>
  <si>
    <t>The Medical Corporations and the New Medical Act</t>
  </si>
  <si>
    <t>4TH OCTOBER, 1858</t>
  </si>
  <si>
    <t>October 4, 1858</t>
  </si>
  <si>
    <t>H. Sieveking</t>
  </si>
  <si>
    <t>Statement of Responsibility: edited by Alfred E. Russell, Corporate Author: New Sydenham Society, Illustrations: ill., Dimensions: 22 cm, Series: New Sydenham Society, Series Number: 194, General Note: With half-title page.; In English, translated from French and German., Bibliographical Note: Includes bibliographical references., Collection: UK Medical Heritage Library, Other Names: Russell, Alfred E. (Alfred Ernest), 1870-1944 (Editor), Class Number: 616-002.6, Websites: &lt;a href=https://archive.org/details/rcplondon?&amp;and=b24991727""&gt;View online via the Internet Archive&lt;/a&gt;; &lt;a href=""http://wellcomelibrary.org/player/b24991727""&gt;View online via the Wellcome Library&lt;/a&gt;; &lt;a href=""https://ukmhl.historicaltexts.jisc.ac.uk/ukmhl-b24991727""&gt;View online via Jisc Historical Texts&lt;/a&gt;"", priref: 29061, Child: 37142; 37184; 37365; 3294; 38810; 40535; 40734</t>
  </si>
  <si>
    <t>Metaphysicae disputationes in inclyta Witebergensi academia propositae, sub praesidio J. Martini</t>
  </si>
  <si>
    <t>MDCVI</t>
  </si>
  <si>
    <t>per J. Gorman</t>
  </si>
  <si>
    <t>Dimensions: 20 cm, Other Names: Martini, Jakob, 1570-1649 (Praeses), priref: 20870</t>
  </si>
  <si>
    <t>Disp. de sale, nitro, et alumine quam ex publicis praecipue dissertationibus â€¦</t>
  </si>
  <si>
    <t>MDCLXXII</t>
  </si>
  <si>
    <t>Dimensions: 23 cm, Bibliographical Note: 2 copies. One copy is at, 4to Tr.44(8)., Other Names: Sennert, Michael (Praeses), priref: 6820</t>
  </si>
  <si>
    <t>Hermann Conring</t>
  </si>
  <si>
    <t>Instrvmentvm primi mobilis</t>
  </si>
  <si>
    <t>MDXXXIIIL</t>
  </si>
  <si>
    <t>Statement of Responsibility: a Petro Apiano nunc primum et inuentum et in lucem editum. Ad cuius declarationem &amp; intellectum pronunciata centum hic proponuntur, e quibus instrumenti nobilissimi usus innotescit &amp; compositio. Inquirere autem&amp; inuenire licebit in hoc instrumento, quicquid uspiam in uniuerso primo mobili noua quadra sinuum ratione indagari potest: nec quicquam in eo ipso primo mobili desiderare poterit, quod non per instrumentum hoc inueniri queat. Accedunt ijs Gebri filii Affla Hispalensis astronomi uetustissimi pariter &amp; peritissimi, libri IX. de astronomia, ante aliquot secula Arabice scripti, &amp; per Giriardum Cremonensem latinitate donati, nunc uero omnium primum in lucem editi. Omnia haec industria &amp; beneuolentia Petri Apiani mathematici prelo commissa, &amp; reuerendiss. in Christo patri &amp; D.D. Christophoro a Stadio, &amp;c. ornatissimo Praesuli Augustensi, ob illustrationem suae familiae insignium, dedicata: quibus &amp; tu studiose lector benignus fruere, tanto Praesidi perpetuo gratissimus.., Publication Statement: Norimbergae : apud. Io. Petreium, Anno M.D.XXXIIII, Illustrations: illustrations, tables, Dimensions: 31 cm (fol.), Provenance: Copy number 8078-3: Roberts and Watson state the notes do not look like Dee's""."", General Note: Title page in red and black, with woodcut; Some MS notes throughout.; Copy numbers 8078-2, 8078-3: Dorchester number D18/5, Citation Note: Roberts and Watson, 149, Collection: Dorchester; John Dee, Genre: Annotations; Woodcut illustrations; Printing in multiple colours, Other Names: Dorchester, Henry Pierrepont, Marquis of, 1606-1680 (Donor), priref: 35479</t>
  </si>
  <si>
    <t>, da Cremona Gherardo, Peter Apian</t>
  </si>
  <si>
    <t>Ãœber Sinusthrombose beim Erwachsenen...</t>
  </si>
  <si>
    <t>H. Epstein</t>
  </si>
  <si>
    <t>Statement of Responsibility: published under the direction of the General Council of Medical Education and Registration of the United Kingdom, pursuant to the Acts XXI. &amp; XXII. Victoria, CAP. XC. (1858) and XXV. &amp; XXVI. Victoria, CAP. XCI. (1862)., Dimensions: 22 cm, General Note: Reprint of 1885 edition., Bibliographical Note: Includes bibliographical references and index., Collection: UK Medical Heritage Library, Class Number: 615.11(42), Websites: &lt;a href=https://archive.org/details/rcplondon?&amp;and=b24906281""&gt;View online via the Internet Archive&lt;/a&gt;; &lt;a href=""http://wellcomelibrary.org/player/b24906281""&gt;View online via the Wellcome Library&lt;/a&gt;; &lt;a href=""https://ukmhl.historicaltexts.jisc.ac.uk/ukmhl-b24906281""&gt;View online via Jisc Historical Texts&lt;/a&gt;"", priref: 11945</t>
  </si>
  <si>
    <t>47.9990077,7.8421043</t>
  </si>
  <si>
    <t>Arthur Gutheil</t>
  </si>
  <si>
    <t>The Harveian Oration, 1875</t>
  </si>
  <si>
    <t>Statement of Responsibility: by William A. Guy, Dimensions: 20 cm, Binding Method: Hardback, Provenance: Association: Clark, Andrew (Sir); *Autograph: Author, Series: Harveian oration, Series Number: 1875, General Note: In: British Medical Journal 1875; Delivered before the Royal College of Physicians on Friday, June 25th, 1875, Genre: Lectures, Other Names: Guy, William A. (William Augustus), 1810-1885 (Inscriber); Clark, Andrew, 1826-1893 (Associated name), Class Number: C06.091.4, priref: 37819</t>
  </si>
  <si>
    <t>Disputatio inauguralis medica exhibens puerulum rhachitide detentum</t>
  </si>
  <si>
    <t>H. Mulleri</t>
  </si>
  <si>
    <t>Dimensions: 23 cms, priref: 31807</t>
  </si>
  <si>
    <t>Anton Raumburger</t>
  </si>
  <si>
    <t>An Occasional Reflection on Dr Charlton's Feeling a Dog's Pulse at Gresham College, by R [Obert] B [Oyle], Esq</t>
  </si>
  <si>
    <t>Publication Statement: 1689, Dimensions: 20 cms, Bibliographical Note: Dissertation. J.C.Clauder proponent.; Check date, Other Names: Wedel, Georg Wolfgang (Praeses); Clauder, Johann Christian (Proponent), priref: 33921</t>
  </si>
  <si>
    <t>Samuel Butler</t>
  </si>
  <si>
    <t>Disputatio physico-medica inauguralis de secretionis animalis efficiente &amp; ordine â€¦</t>
  </si>
  <si>
    <t>Dimensions: 23 cm, priref: 17832</t>
  </si>
  <si>
    <t>John Ker</t>
  </si>
  <si>
    <t>The Harveian Oration on Harvey in Ancient and Modern Medicine</t>
  </si>
  <si>
    <t>Statement of Responsibility: by W. Howship Dickinson, Dimensions: 20 cm, Binding Method: Hardback, Series: Harveian oration, Series Number: 1891, Bibliographical Note: Includes bibliographical references, Genre: Lectures, Class Number: C06.091.4, priref: 9089</t>
  </si>
  <si>
    <t>W. Howship Dickinson</t>
  </si>
  <si>
    <t>Le qvatorziesme livre De la Angles methode therapevtique</t>
  </si>
  <si>
    <t>Apud Guilielmum de Guelques</t>
  </si>
  <si>
    <t>Statement of Responsibility: de Claude Galen., Publication Statement: Anno M. D. XXXVIII, Dimensions: 16 cm, Bibliographical Note: Ms notes throughout, priref: 60727</t>
  </si>
  <si>
    <t>, Etienne Dolet</t>
  </si>
  <si>
    <t>Synopsis of the Arrangement Followed in the Classed Catalogue of Books Belonging to the Royal College of Surgeons in London</t>
  </si>
  <si>
    <t>Royal College of Surgeons of England; John Scott</t>
  </si>
  <si>
    <t>Statement of Responsibility: Tommaso PrelÃ¡, Corporate Author: Accademia nazionale dei Lincei, Dimensions: 19 cm, Genre: Lectures, priref: 26246</t>
  </si>
  <si>
    <t>D. medico-practica de asthmata... sub praesidio M. E. Ettmulleri</t>
  </si>
  <si>
    <t>Gozianis (litteris)</t>
  </si>
  <si>
    <t>Dimensions: 20 cm, priref: 10529</t>
  </si>
  <si>
    <t>Descriptive Catalogue of the Portraits and Other Works of Art in the Royal College of Physicians of London</t>
  </si>
  <si>
    <t>Corporate Author: Royal College of Physicians of London, Dimensions: 23 cm, General Note: Less complete than the 1864 edition, although most entries are similar; formerly kept in the office of the College Secretary / Chief Executive, Class Number: C7.04, priref: 9624</t>
  </si>
  <si>
    <t>The Papers Set for the Examinations for the Diploma in Public Health of the Royal College of Physicians of London and the Royal College of Surgeons of England during the Year 1908</t>
  </si>
  <si>
    <t>Cursory Observations on Sea-Bathing, the Use of Sea-Water Internally, and the Advantages of a Maritime Situationâ€¦; Added, a Concise History of Weymouth. By J. C., Physician at Weymouth</t>
  </si>
  <si>
    <t>Publication Statement: 1682, Dimensions: 23 cm, priref: 7707</t>
  </si>
  <si>
    <t>42.2180724,-70.9410356</t>
  </si>
  <si>
    <t>J. C. Residing</t>
  </si>
  <si>
    <t>Tragoediae, quae hodie extant, omnes, LatinÃ¨ soluta oratione redditae, ita ut uersus uersui respondeat</t>
  </si>
  <si>
    <t>Lucius, Ludwig</t>
  </si>
  <si>
    <t>Statement of Responsibility: eÌ€ praelectionibus Philippi Melanthonis ; cum praefatione Guilielmi Xylandri Augustani, qua ostendit quantum haec editio priori praestet, Publication Statement: Francofurti : apud Ludouicum Lucium, 1562, Dimensions: 16 cm, Provenance: Copy 10100: Roberts and Watson note that this copy is 'unmarked, but is bound uniformly with Sophocles (no.1116) and Seneca (no.1142). The arguments for Dee's ownership are similar' i.e. underlining of 'sententiae', General Note: Copy 10100: Dorchester No. D136/8, Citation Note: Copy 10100: Roberts and Watson, 1122, Collection: John Dee; Dorchester, Genre: Annotations, Other Names: Dee, John, 1527-1608 (Former owner); Dorchester, Henry Pierrepont, Marquis of, 1606-1680 (Donor); Melanchthon, Philipp, 1497-1560 (Editor); Xylander, Wilhelm, 1532-1576 (Preface by), priref: 36733</t>
  </si>
  <si>
    <t>A Dose for the Doctors; or, the Ã†sculapian Labyrinth Explored â€¦ by G. Glyster</t>
  </si>
  <si>
    <t>MDCCLXXXIX</t>
  </si>
  <si>
    <t>G. Kearsley</t>
  </si>
  <si>
    <t>Publication Statement: 1696, Dimensions: 23 cms, Bibliographical Note: 2 copies.; Dissertation.; One copy at 4to Tr.7(26)., Other Names: Slevogt, Johann Hadrian (Praeses); Murhard, Francis Wilks (Respondent), priref: 29624</t>
  </si>
  <si>
    <t>Gregory Glyster</t>
  </si>
  <si>
    <t>Topographical Remarks, Shortly Illustrating the Nature and Origin of the Tropical Endemic, or Yellow Fever, and Its Dependence on Strictly Local Causes, Arising from Peculiarity of Climate and Situation</t>
  </si>
  <si>
    <t>George Ramsay and Company</t>
  </si>
  <si>
    <t>Statement of Responsibility: by D. J. H. Dickson, Dimensions: 21 cm, General Note: (From the Edinburgh Medical and Surgical Journal, No. 49) - title page.; Reprinted from the, 'Edinburgh Medical and Surgical Journal', volume 13, 1817, pp. 35-52., Other Names: Baillie, Matthew, 1761-1823 (Associated name), priref: 8817</t>
  </si>
  <si>
    <t>D. J. H. Dickson</t>
  </si>
  <si>
    <t>On Mental Disorders Dependent on Toxaemia</t>
  </si>
  <si>
    <t>Nov 21st, 1900</t>
  </si>
  <si>
    <t>Dimensions: 33 cm, Bibliographical Note: Bound with: Great Britain. Parliament. Commons. Select Committee on the Medical Act (1858) Amendment (No.3) Bill. Special report. 1879, Class Number: 614.25:34, priref: 45718</t>
  </si>
  <si>
    <t>Dissertatio inauguralis medica de labrosulcio seu cheilocace</t>
  </si>
  <si>
    <t>MDCXCVIII</t>
  </si>
  <si>
    <t>H. Meyeri (cattitero)</t>
  </si>
  <si>
    <t>Publication Statement: 1799, Dimensions: 17 cm, General Note: Check date., priref: 33224</t>
  </si>
  <si>
    <t>Carl Rayger</t>
  </si>
  <si>
    <t>Dysenteriam â€¦ pro consequendis summis honoribus doctoralibus subiiciet J. M. Hornung</t>
  </si>
  <si>
    <t>MDCLXVI</t>
  </si>
  <si>
    <t>excud. G. Kerner</t>
  </si>
  <si>
    <t>Publication Statement: 1695, Dimensions: 23 cm, Other Names: Eggert, Johann Andreas (Respondent); Crause, Rudolf Wilhelm (Praeses), priref: 7704</t>
  </si>
  <si>
    <t>Johannes Michael Hornung</t>
  </si>
  <si>
    <t>Osservazioni intorno alle vipere</t>
  </si>
  <si>
    <t>~MDCLXXXVI~</t>
  </si>
  <si>
    <t>P. Matini (per)</t>
  </si>
  <si>
    <t>Dimensions: 26 cm, Bibliographical Note: MS. notes.; Bound with his Esperienze intorno a diverse cose naturali ... 1686., Class Number: 576.8, priref: 26218</t>
  </si>
  <si>
    <t>On Purified Animal Charcoal, as an Antidote to All Vegetable and Some Animal Poisons</t>
  </si>
  <si>
    <t>Statement of Responsibility: By Alfred Garrod., Dimensions: 22 cm, Bibliographical Note: Caption title; Extract from: Transactions of the Medical Society of London, April 1st, 1846; Bound in volume lettered Medico-legal tracts, 12., Class Number: 340.6, priref: 11751</t>
  </si>
  <si>
    <t>Alfred Baring Garrod</t>
  </si>
  <si>
    <t>The Croonian Lectures on the Chemical Side of Nervous Activity: Delivered before the Royal College of Physicians of London, in June, 1901</t>
  </si>
  <si>
    <t>Statement of Responsibility: by W.D. Halliburton, Corporate Author: Royal College of Physicians of London, Illustrations: illustrations, Dimensions: 23 cm, Series: Croonian lectures, Series Number: 1901, Bibliographical Note: Includes bibliographic references, Collection: UK Medical Heritage Library, Genre: Lectures, Class Number: C042, Websites: &lt;a href=https://archive.org/details/rcplondon?&amp;and=b24976611""&gt;View online via the Internet Archive&lt;/a&gt;; &lt;a href=""http://wellcomelibrary.org/player/b24976611""&gt;View online via the Wellcome Library&lt;/a&gt;; &lt;a href=""https://ukmhl.historicaltexts.jisc.ac.uk/ukmhl-b24976611""&gt;View online via Jisc Historical Texts&lt;/a&gt;"", priref: 37884</t>
  </si>
  <si>
    <t>Burton's Anatomy of Melancholy</t>
  </si>
  <si>
    <t>Yale Publishing Association</t>
  </si>
  <si>
    <t>Dimensions: 24 cms, Series: John Rylands facsimiles, Series Number: 1, Bibliographical Note: Bibliography, Class Number: 93, priref: 27685</t>
  </si>
  <si>
    <t>41.308273,-72.927879, 41.603222,-73.087746</t>
  </si>
  <si>
    <t>An Account of the Antient Baths; and Their Use in Physic</t>
  </si>
  <si>
    <t>Whitridge, Henry</t>
  </si>
  <si>
    <t>Statement of Responsibility: de JÃ©rÃ´me Fracastor, avec la traduction en franÃ§Â¸ois, et des notes par Philippe Macquer &amp; Jacques Lacombe, Dimensions: 17 cm, Bibliographical Note: Parallel translation with French and Latin on facing pages; Title vignette; Collation: A-Ns8, Class Number: 61, priref: 11243</t>
  </si>
  <si>
    <t>Thomas Glass</t>
  </si>
  <si>
    <t>Regime [n] sanitatis Magnini mediolanensis medici famosissimi attrebacensi episcopo directum.: Insuper opusculum de fleubotomia editum a perspicacis ingenii viro magistro Reginaldo de villa noua. Additur q [uoque] astronomia Hypocratis facile omnium medicorum principis de variis egritudinibus et morbis. Item secreta Hypocratis. Ite [m] Auerrois de venenis. Item quid pro quo appotecariorum nuperrime castigatum accuratissimeq [ue] per peritissimum artis medice cultorem magistrum Nicholau [m] Rabby recognitum. Cum nonnullis insuper Auicenn [a] e ac plerumq [ue] aliorum auctorum in margine cartharum insertis</t>
  </si>
  <si>
    <t>Francois Fradin</t>
  </si>
  <si>
    <t>Statement of Responsibility: M. de Mayneri et al., Publication Statement: ca. 1502?, Dimensions: 18 cm, Binding: Autograph : Anderton, George Lois , 1836; Binding : ? R4 Limp vellum with holes for ties and gilt armorial centrepiece; Book-plate: (two) Roberts, D. Lloyd, Provenance: Autograph : Anderton, George Lois , 1836; Binding : ? R4 Limp vellum with holes for ties and gilt armorial centrepiece; Book-plate: (two) Roberts, D. Lloyd, Bibliographical Note: Printed in Lyon by Francois Fradin around 1502, cf. G. Rhodes, Guttenberg Jahrbuch 1965, pp. 139-141; Collation: a8 b-v6 x8; Woodcut initials; H*10482 ; K 640.5 ; W 360.; Copy: imperfect, lacking leaf a5 and all after r6 (fol. ciiii); Copy: MS. notes throughout, in contemporary hand and mostly in Latin; on leaf 2v in English, Collection: David Lloyd Roberts, Class Number: 613(02)'15', priref: 20189</t>
  </si>
  <si>
    <t xml:space="preserve">de' Mayneri Mayno, de Villanova Arnaldus, , , Salernitanus Nicolaus, </t>
  </si>
  <si>
    <t>On the Origin and Spread of Fever</t>
  </si>
  <si>
    <t>Dimensions: 22 cm, priref: 21381</t>
  </si>
  <si>
    <t>Illustrations of Mr. S. Cooper's Surgical Dictionary, Published Monthly, Part 4</t>
  </si>
  <si>
    <t>Longman, Rees, Orme, Brown, and Green</t>
  </si>
  <si>
    <t>Statement of Responsibility: specially reported by Thomas R. Dunckley, Dimensions: 22 cm, General Note: Bound in volume lettered: Medico-legal tracts, 3., Collection: UK Medical Heritage Library, Class Number: 340.6, Websites: &lt;a href=http://wellcomelibrary.org/player/b28267941""&gt;View online via the Wellcome Library&lt;/a&gt;; &lt;a href=""https://archive.org/details/rcplondon?&amp;and=b28267941""&gt;View online via the Internet Archive&lt;/a&gt;; &lt;a href=""https://ukmhl.historicaltexts.jisc.ac.uk/ukmhl-b28267941""&gt;View online via Jisc Historical Texts&lt;/a&gt;"", priref: 5596</t>
  </si>
  <si>
    <t>W. P. Cocks</t>
  </si>
  <si>
    <t>Chirvrgiae Ioannis Andreae a Crvce, Veneti medici libri Septem, quamplurimis instrumentorum imaginibus arti chirurgicae opportunis suis locis exornati, theoricam, practicam, ac uerissimam experientiam continentes. In quibus ea omnia, quÃ¦ optimo chirurgo in curandis vulneribus conuenire videntur, ordine quodam amplissimo concerni possunt: nunc primum in lucem editi. Cum indice copiosissimo rerum omnium memorabilium</t>
  </si>
  <si>
    <t>Ziletti, Giordano</t>
  </si>
  <si>
    <t>Publication Statement: Venetiis : apud Jordanum Zilettum, 1573, Illustrations: ill., Dimensions: 31 cm, Provenance: Copy number 9454: Roberts and Watson note that this copy is probably not Dee's""."", General Note: Copy number 9454: Dorchester number D 96/6, Citation Note: Roberts and Watson, 154, Collection: John Dee; Dorchester, Other Names: Dorchester, Henry Pierrepont, Marquis of, 1606-1680 (Donor), priref: 36509</t>
  </si>
  <si>
    <t>Giovanni Andrea della Croce</t>
  </si>
  <si>
    <t>Dissertatio inauguralis medica de sonitu et tinnitu aurium</t>
  </si>
  <si>
    <t>XXVI. Januar. Anno MDCIC</t>
  </si>
  <si>
    <t>January 26, 1699</t>
  </si>
  <si>
    <t>H. Meyeri (literis)</t>
  </si>
  <si>
    <t>Publication Statement: 1699, Dimensions: 23 cm, priref: 14627</t>
  </si>
  <si>
    <t>Johann Wolffgang Helbich</t>
  </si>
  <si>
    <t>Disputationum medicarum tertia de chyli mutatione in sanguinem, circulari sanguinis motu, &amp; cordis, arteriarumque pulsu</t>
  </si>
  <si>
    <t>J. Elsevirium</t>
  </si>
  <si>
    <t>Dimensions: 21 cms, Bibliographical Note: Dissertation., Other Names: Spruthenius, Arnoldus (Praeses); Crone, Johannes Heinrich (Proponent), priref: 30222</t>
  </si>
  <si>
    <t>An Essay on the Bite of a Mad Dog</t>
  </si>
  <si>
    <t>J. Rivington</t>
  </si>
  <si>
    <t>Dimensions: 21 cm, priref: 19322</t>
  </si>
  <si>
    <t>Daniel Peter Layard</t>
  </si>
  <si>
    <t>Sketch of the Foundation and Development of the London School of Medicine for Womenâ€¦</t>
  </si>
  <si>
    <t>Women's Printing Society Limited</t>
  </si>
  <si>
    <t>Corporate Author: New York City. Department of Public Charities, Illustrations: illustrations, Dimensions: 21cm, Class Number: 615.11(747), priref: 23750</t>
  </si>
  <si>
    <t>Isabel Thorne</t>
  </si>
  <si>
    <t>The Consciousness of Right and Wrong a Just Test of the Plea of Partial Insanity in Criminal Cases. Illustrated by the Case of William Stalker, Indicted at the Cumberland Lent Assizes 1847, for the Wilful Murder of His Wife</t>
  </si>
  <si>
    <t>Corporate Author: Parisian Medical Society, Dimensions: 22 cm, priref: 26822</t>
  </si>
  <si>
    <t>Les Portraits de Rembertus Dodonaeus</t>
  </si>
  <si>
    <t>Statement of Responsibility: J. W. S. Johnsson, Illustrations: illustrations, Dimensions: 22 cm, Bibliographical Note: Bibliography, Class Number: 616.98:579.84(084), priref: 200003121</t>
  </si>
  <si>
    <t>Jan Gerard de Lint</t>
  </si>
  <si>
    <t>D. solennis medica de medicamentis sanguinem purificantibus</t>
  </si>
  <si>
    <t>J. Coepaelii (typis)</t>
  </si>
  <si>
    <t>Publication Statement: 1698, Dimensions: 23 cms, Other Names: Stahl, Georg Ernst (Praeses), priref: 30380</t>
  </si>
  <si>
    <t>Lumleian Lectures on Rheumatic Fever and Valvular Disease: March 23rd, 25th and 30th, 1909</t>
  </si>
  <si>
    <t>April 24, May 1, and 8, 1909</t>
  </si>
  <si>
    <t>April 24-May 8, 1909</t>
  </si>
  <si>
    <t>Dimensions: 26 cm, Binding Method: Hardback, Genre: Directories, Class Number: 92:61(94), priref: 21426</t>
  </si>
  <si>
    <t>Lex Talionis, Sive VindiciÃ¦ Pharmacoporum; or, a Short Reply to Dr. Merrett's Book and Others, Written against the Apothecaries: Wherein May Be Discovered the Frauds and Abuses Committed by Doctors Professing and Practising Pharmacy. [Anon]</t>
  </si>
  <si>
    <t>The Necessity and Usefulness of the Dispensaries Lately Set up by the College of Physicians in London, for the Use of the Sick Poor: Together with an Answer to All the Objections Rais'd against Them by the Apothecaries, or Others</t>
  </si>
  <si>
    <t>Dimensions: 20 cm, General Note: Copy number 13495-8: Bound with 'A discourse setting forth the unhappy condition of the practice of physick in London' by Jonathan Goddard, 1670. Spine title: Pamphlets on physic and physicians, Class Number: C614.212, priref: 27748</t>
  </si>
  <si>
    <t>Quelques considÃ©rations sur la saignÃ©e; thÃ¨se</t>
  </si>
  <si>
    <t>De L'Imprimerie De Didot Le Jeune</t>
  </si>
  <si>
    <t>Statement of Responsibility: by John Elliotson, Dimensions: 21 cm, Provenance: Autograph: Elliotson, John., General Note: Includes errata.; Includes one page of booksellers' advertisements., Bibliographical Note: Includes bibliographical references., priref: 9932</t>
  </si>
  <si>
    <t>Thomas Bell Elcock Fletcher</t>
  </si>
  <si>
    <t>Oratio anniversaria â€¦ a G. Harveio instituta â€¦ habita, MDCCLXIX (Harveian Oration, 1769)</t>
  </si>
  <si>
    <t>Clarendoniano (e typographeo)</t>
  </si>
  <si>
    <t>Swithin Adee</t>
  </si>
  <si>
    <t>Additional Remarks on a Portrait Model of Paracelsus Dated 1541</t>
  </si>
  <si>
    <t>Statement of Responsibility: by Nestor Tirard, Illustrations: ill, Dimensions: 23 cm, General Note: With half-title page., Bibliographical Note: Includes bibliographical references and index., Class Number: 616.61/.63, priref: 33438</t>
  </si>
  <si>
    <t>De originibus, seu, De uaria et potissimum orbi Latino ad hanc diem incognita, aut inco [n] syderata historia, quu [m] totius Orientis, tum maximÃ¨ Tartarorum, Persarum, Turcarum, &amp; omnium Abrahami &amp; Noachi alumnorum origines, &amp; mysteria Brachmanum retegente: quod ad gentium, literarumqÂ´ [ue] quib. utuntur, rationes attinet</t>
  </si>
  <si>
    <t>Statement of Responsibility: ex libris Noachi &amp; Hanochi, totiusqÌue auitae traditionis aÌ€ Mosis alumnis ad nostra tempora seruatae, &amp; Chaldaicis literis conscriptae, Guilielmus Postellus posteritati eruit, exposuit &amp; proposuit, Publication Statement: Basilease : per Ioannem Oporinum, 1553, Dimensions: 17 cm, Provenance: Copy 10601: Roberts and Watson note that 'a name has been bleached from the titlepage. It is heavily annotated by Dee throughout, particularly in the section 'De Ismaelitarum doctrina'.; Copy 10601: former shelf-mark on title page: 'Z-27'., General Note: Preface dated 1553.; Copy 10601: Dorchester No. D144/14, Citation Note: Copy 10601: Roberts and Watson, 868, Exhibition Note: Scholar, courtier, magician : the lost library of John Dee, Collection: John Dee; Dorchester, Genre: Shelf marks; Annotations, Other Names: Dee, John, 1527-1608 (Former owner); Dorchester, Henry Pierrepont, Marquis of, 1606-1680 (Donor), priref: 39703</t>
  </si>
  <si>
    <t>Rudimenta gramatices, â€¦ in latinum versa, interprete G. Buchanano. [Et De ratione studii puerilis lectio, a J. L. Vives]</t>
  </si>
  <si>
    <t>MDXLVI</t>
  </si>
  <si>
    <t>ThomÃ¦ Linacri</t>
  </si>
  <si>
    <t>Oratio anniversaria in theatro Collegii Regalis Medicorvm Londinensivm, ex Harveii institvto, festo Divi Lvcae habita, A. D. MDCCLVI (Harveian Oration, 1756)</t>
  </si>
  <si>
    <t>apud J. Novrse</t>
  </si>
  <si>
    <t>Dimensions: 23 cm, Other Names: Conring, Hermann (Praeses); Gunther, Hermann (Respondent), priref: 7260</t>
  </si>
  <si>
    <t>Ricardo Conyers</t>
  </si>
  <si>
    <t>Disputationem inauguralem de bubone pestilenti</t>
  </si>
  <si>
    <t>Marii MDCLXXXI</t>
  </si>
  <si>
    <t>March, 1681</t>
  </si>
  <si>
    <t>Dimensions: 21 cm, priref: 6070</t>
  </si>
  <si>
    <t>A Compendiovs Chyrvrgerie</t>
  </si>
  <si>
    <t>T. Man</t>
  </si>
  <si>
    <t>Dimensions: 21 cm, Class Number: 61, priref: 33415</t>
  </si>
  <si>
    <t>Johann Jakob Wecker</t>
  </si>
  <si>
    <t>ThÃ¨se â€¦ des tumeurs des grandes lÃ¨vres</t>
  </si>
  <si>
    <t>Rignoux, Imprimeur De La FacultÃ© De MÃ©decine</t>
  </si>
  <si>
    <t>Dimensions: 28 cm, Bibliographical Note: Bibliography, priref: 16272</t>
  </si>
  <si>
    <t>P. Louis Humbert</t>
  </si>
  <si>
    <t>The Works of Aristotle, the Famous Philosopher: Containing His Complete Master-Piece, and Family Physician; His Experienced Midwife; His Book of Problems: His Remarks on Physiognomy; and His Last Legacy. Complete in Five Parts, with Engravings</t>
  </si>
  <si>
    <t>Printed for the Booksellers</t>
  </si>
  <si>
    <t>Statement of Responsibility: by William Salmon, Publication Statement: 1855?, Illustrations: ill., frontis., Dimensions: 15 cm, Binding: 19 th century ?, blind tooled calf., Provenance: Donated to the College by Misses Jean and Margaret Goose, General Note: Added steel-engraved title-page &amp; frontis; Frontispiece entitled Aristotle's Master Piece; Engraved half-title page: The works of Aristotle, the famous philosopher; Spine title: Aristotle's works., priref: 60164</t>
  </si>
  <si>
    <t>William Salmon</t>
  </si>
  <si>
    <t>The Prescriber's Pharmacopoeia, Containing All the Medicines in the New London Pharmacopoeia of 1851</t>
  </si>
  <si>
    <t>MDCCCLI</t>
  </si>
  <si>
    <t>Dimensions: 11 cm, Provenance: Autograph: Sykes, John, Bibliographical Note: MS. notes, Class Number: 615, priref: 26782</t>
  </si>
  <si>
    <t>Disputatio medica de febri ephemera</t>
  </si>
  <si>
    <t>MDCLXII</t>
  </si>
  <si>
    <t>Dimensions: 21 cm, Other Names: Tappe, Jacob (Praeses), priref: 15001</t>
  </si>
  <si>
    <t>Friedrich Heye</t>
  </si>
  <si>
    <t>An Address to Students at St. Bartholomew's Hospital, 1852</t>
  </si>
  <si>
    <t>Wilson and Ogilvy; S.Highley and Son</t>
  </si>
  <si>
    <t>Statement of Responsibility: par Claude Bernard, Publication Statement: Paris ; London : BaillieÌ€re ; BaillieÌ€re, Tindall and Cox 1872, Dimensions: 22 cm, Bibliographical Note: Bibliog., Class Number: 616-09, priref: 3010</t>
  </si>
  <si>
    <t>Patrick Black</t>
  </si>
  <si>
    <t>Ioannis Regiomontani mathematici praestantissimi De triangvlis planis et sphaericis libri quinque: unÃ  cum tabulis sinuum, in quibus tota ipsorum triangulorum scientia ex primis fundamentis geometricarum â€¦ continentur. Qvam mvltiplicem vsvm haec triangvlorum doctrina omnibus â€¦ adferat â€¦ qui sana rerum intelligentia sunt instructi, in sequenti opere, quod complectitur ordinatÃ£ astronomicorum &amp; geometricorum problematum descriptionem â€¦ deprehendere poterunt</t>
  </si>
  <si>
    <t>[per Henrichum Petri et Petrum Pernam]</t>
  </si>
  <si>
    <t>De sphaera et primis astronomiae rudimentis libellus â€¦; cui adiecta sunt â€¦ de geographia praecepta â€¦</t>
  </si>
  <si>
    <t>Plantini, Christophe, ca. (Printer)</t>
  </si>
  <si>
    <t>Cornelio Valerio</t>
  </si>
  <si>
    <t>Quaestio medica â€¦ an noxia febricitantibus ova</t>
  </si>
  <si>
    <t>Martii 1729</t>
  </si>
  <si>
    <t>Pierre Marais</t>
  </si>
  <si>
    <t>De medendis hvmani corporis malis ars medica</t>
  </si>
  <si>
    <t>Marci de Maria</t>
  </si>
  <si>
    <t>Dimensions: 14 cm, Class Number: 611-013, priref: 9279, Child: 9280; 9281; 9282; 9286</t>
  </si>
  <si>
    <t>Antonio Donati d' Altomari</t>
  </si>
  <si>
    <t>The Etiology of Typhoid Fever and Its Prevention: Being the Milroy Lectures Delivered at the Royal College of Physicians in 1902</t>
  </si>
  <si>
    <t>Statement of Responsibility: by W. H. Corfield, Corporate Author: Royal College of Physicians of London, Dimensions: 22 cm, Series: Milroy lectures, Series Number: 1902, Bibliographical Note: Includes bibliographic references, Genre: Lectures, Class Number: C042, priref: 7464</t>
  </si>
  <si>
    <t>Miscellaneous Tracts Relating to Natural History, Husbandry and Physick</t>
  </si>
  <si>
    <t>Illustrations: ill., Dimensions: 18 cm, Provenance: Book-plate: Roberts, D.L., Class Number: 61, priref: 30390</t>
  </si>
  <si>
    <t>Benj Stillingfleet</t>
  </si>
  <si>
    <t>The Case of the Right Honourable Thomas Winnington, Esq</t>
  </si>
  <si>
    <t>MDCCXLVI</t>
  </si>
  <si>
    <t>T. Gardner</t>
  </si>
  <si>
    <t>Publication Statement: 1702, Dimensions: 23 cms, Other Names: Stahl, Georg Ernst (Praeses), priref: 30381</t>
  </si>
  <si>
    <t>Thomas Thomson</t>
  </si>
  <si>
    <t>Joan. Henrici Meibomii De cervisiis vetervm potibvsqve et ebriaminibvs extra vinvm aliis commentarivs</t>
  </si>
  <si>
    <t>Publication Statement: mense Augusto, anno M.D.XXIX, priref: 59693</t>
  </si>
  <si>
    <t>Jacobus Gronovius, Johann Henricvs Meibomivs</t>
  </si>
  <si>
    <t>Du vomissement sympathique de Las Angles grossesse</t>
  </si>
  <si>
    <t>Statement of Responsibility: by William Royston, Publication Statement: Printed for J. Callow, Dimensions: 22 cm, Provenance: Association: Baillie, Matthew., Collection: UK Medical Heritage Library, Other Names: Baillie, Matthew, 1761-1823 (Donor), Websites: &lt;a href=http://wellcomelibrary.org/player/b28407374""&gt;View online via the Wellcome Library&lt;/a&gt;; &lt;a href=""https://archive.org/details/rcplondon?&amp;and=b28407374""&gt;View online via the Internet Archive&lt;/a&gt;; &lt;a href=""https://ukmhl.historicaltexts.jisc.ac.uk/ukmhl-b28407374""&gt;View online via Jisc Historical Texts&lt;/a&gt;"", priref: 27585</t>
  </si>
  <si>
    <t>Charles Schnellbach</t>
  </si>
  <si>
    <t>An Historical Essay on the Progress of the Medical Sciences in Great Britain and on the Continent during the Last Six Months of 1821</t>
  </si>
  <si>
    <t>Dimensions: 21 cm, priref: 11641</t>
  </si>
  <si>
    <t>Les annexes du foetus et leur dÃ©veloppement: thÃ¨se</t>
  </si>
  <si>
    <t>ImprimÃ© Chez Paul Renouard</t>
  </si>
  <si>
    <t>Statement of Responsibility: dei dottori Ranierei Bellini di Pisa e Atto Tigri, Publication Statement: 1849(?), Dimensions: 22 cm, General Note: On title page: Memoria estratta dal Giorn. Ilaniano di Scienze Med. e Nat. IL Progresso, ni 4, 5, 6., priref: 2783</t>
  </si>
  <si>
    <t>Jean Marc Bourgery</t>
  </si>
  <si>
    <t>An Account of Scarlet Fever, as It Appeared in George Watson's Hospital, Edinburgh, during the Spring of 1851</t>
  </si>
  <si>
    <t>AUGUST 1851</t>
  </si>
  <si>
    <t>August, 1851</t>
  </si>
  <si>
    <t>Dimensions: 21 cm, Provenance: Autograph: Atchison, Thomas., General Note: Title from cover.; The first edition was also published in 1871., Genre: Letters, priref: 2086</t>
  </si>
  <si>
    <t>Benjamin Bell</t>
  </si>
  <si>
    <t>D.m.i. de malo hysterico</t>
  </si>
  <si>
    <t>MDCCLXIII</t>
  </si>
  <si>
    <t>apud W. Ruddiman, J. Richardson et socios</t>
  </si>
  <si>
    <t>Dimensions: 20cms, priref: 26937</t>
  </si>
  <si>
    <t>Charles Richardon</t>
  </si>
  <si>
    <t>The Healing Art in Its Historic and Prophetic Aspects: the Harveian Oration Delivered before the Royal College of Physicians, October 19,1885</t>
  </si>
  <si>
    <t>Statement of Responsibility: by Richard Quain, Dimensions: 22 cm, Binding Method: Hardback, Series: Harveian oration, Series Number: 1885, Bibliographical Note: Includes bibliographical references, Genre: Lectures, Class Number: C06.091.4, priref: 25288</t>
  </si>
  <si>
    <t>Richard Quain</t>
  </si>
  <si>
    <t>Dissertatio inauguralis medica de adephagia [in Greek] sive intemperantia edendi nocua</t>
  </si>
  <si>
    <t>Statement of Responsibility: by Jacob Bell, Dimensions: 21 cm, Collection: UK Medical Heritage Library, Websites: &lt;a href=http://wellcomelibrary.org/player/b28518640""&gt;View online via the Wellcome Library&lt;/a&gt;; &lt;a href=""https://archive.org/details/rcplondon?&amp;and=b28518640""&gt;View online via the Internet Archive&lt;/a&gt;; &lt;a href=""https://ukmhl.historicaltexts.jisc.ac.uk/ukmhl-b28518640""&gt;View online via Jisc Historical Texts&lt;/a&gt;"", priref: 2684</t>
  </si>
  <si>
    <t>Oratio anniversaria â€¦ ex Harveii instituto, MDCCXLIV(Harveian Oration, 1744)</t>
  </si>
  <si>
    <t>Brindley, John, d. 1758</t>
  </si>
  <si>
    <t>Dimensions: 27, 23, 30 cm, Series: Harveian oration, Series Number: 1744, General Note: 21399-11: No.10 in a volume lettered 'Orationes Harveianae, 1697-1747'; 21440-10: No.1 in a volume lettered 'Orationes Harveianae, 1744-74'; 21416-2: One copy no.6 in a volume lettered: 'Orationes Harveianae, 1738-48', Class Number: C06.091.4, priref: 8664</t>
  </si>
  <si>
    <t>Ambrose Dawson</t>
  </si>
  <si>
    <t>Historia Alexa [n] dri magni regis macedonie de prelijs</t>
  </si>
  <si>
    <t>Husner, Georg</t>
  </si>
  <si>
    <t>Publication Statement: Impressa Argentine : Printer of the 1483 Jordanus de Quedlinburg (Georg Husner) Anno domini. M.cccc.xciiii. Finata al tera die Urbani. 26 May 1494, Dimensions: 27 cm (fol.), Binding: Lace case limp vellum, Provenance: Copy 7224: Roberts and Watson note that this copy 'is probably Dee's, but has no notes by him'., General Note: Place and date of publication from colophon; printer's name from ISTC.; ISTC title: Historia Alexandri Magni.; Adapted by Leo Archipresbyter. (ISTC); Copy 7224: Dorchester D142/5, Bibliographical Note: H*783; BM i, 144; GW879.; Binding; Lace case limp vellum; Copy 7224: Roberts and Watson, 1367, Citation Note: ISTC ia00400000, Collection: Dorchester; John Dee, Other Names: Dorchester, Henry Pierrepont, Marquis of, 1606-1680 (Donor); Leo, Archipresbyter, active 10th century (Editor), priref: 35320</t>
  </si>
  <si>
    <t>Esperienze intorno a diverse cose naturaliâ€¦</t>
  </si>
  <si>
    <t>Illustrations: ill., Dimensions: 26 cm, Bibliographical Note: MS. notes., Class Number: 576.8, priref: 26195</t>
  </si>
  <si>
    <t>The Papers Set for the Examinations for the Diploma in Public Health of the Royal College of Physicians of London and the Royal College of Surgeons of England during the Year 1901</t>
  </si>
  <si>
    <t>Belli Troiani scriptores praecipui, Dictys Cretensis, Dares Phrygius, &amp; Homerus, omnes iampridem latio iure donati, nunc verÃ² Ã  mendis expurgati, &amp; in Vnum volume digesti. additae sunt Libanij &amp; Aristidis declamationes quÃ¦dam historias Troiani belli declarantes</t>
  </si>
  <si>
    <t>Publication Statement: Basileae : per Petrum Pernam, M.D. LXXIII, Dimensions: 17 cms, Binding: Copy number 9959: stiffened vellum binding on five raised bands. Manuscript waste., Provenance: Copy 9959: Roberts and Watson note that 'It has no Dee signature but has his copious annotations to Dictys and parts of Dares. Bound in contemporary vellum with a blind-stamped shield. The editor is Georg Henisch.'; Copy 9959: former shelf mark on upper flyleaf: 'B2-62'., General Note: Copy 9959: Dorchester No. D139/7, Citation Note: Copy 9959: Roberts and Watson, 725, Exhibition Note: Scholar, courtier, magician : the lost library of John Dee, Collection: John Dee; Dorchester, Genre: Annotations; Vellum bindings; Manuscript waste; Shelf marks, Other Names: Dorchester, Henry Pierrepont, Marquis of, 1606-1680 (Donor); Dee, John, 1527-1608 (Former owner); Saunder, Nicholas, 1563-1649 (Former owner), priref: 36586</t>
  </si>
  <si>
    <t xml:space="preserve">Cretensis Dictys, </t>
  </si>
  <si>
    <t>A Rod for the Back of Fools: In Answer to a Book of Mr J. Toland, Called Christianity Not Mysterious â€¦ and to the Lecture of J. Brown, Taken from the Author's Book against the Circulation; and to â€¦ J. Gardiner</t>
  </si>
  <si>
    <t>W. Turner</t>
  </si>
  <si>
    <t>Dimensions: 18 cm, priref: 15109</t>
  </si>
  <si>
    <t>Oliver Hill</t>
  </si>
  <si>
    <t>Introdvctio in divinam chemiae artem integra</t>
  </si>
  <si>
    <t>Statement of Responsibility: magistri Boni Lombardi Ferrariensis physici ; nunc primum inegra in lucem edita, Publication Statement: Basileae : apud Petrum Penam, M. D. LXXII, Dimensions: 22 cm (4to), Binding: 19th or 20th century stiffened vellum binding., Provenance: Copy 9886: Roberts and Watson note that this copy is 'signed Joannes Dee"". It has copious Dee underlinings and notes throughout. The symbol ""d"" is written after the date... Although this book comes from Dorchester Library it is not one stolen by Nicholas Saunder'.; Copy 9886: Former shelfmark on title page: '35.P.J'."", General Note: Running title: 'Margarita preciosa'.; Printer's device on title page.; On page 279: 'Explicit preciosa nouella Margarita, edita a margistro Bono Lombardo de Ferraria physico introducens ad artem Alchemiae, composita anno domini 1330. In ciuitate Polae, in Prouincia Istriae.'; Preface signed by 'M. Toxites Medicus Argentoratensis'.; Copy 9886: Dorchester No. D107/3, Citation Note: Copy 9886: Roberts and Watson, 1425, Exhibition Note: Scholar, courtier, magician : the lost library of John Dee, Collection: John Dee; Dorchester, Genre: Printers' devices; Vellum bindings; Shelf marks; Annotations, Other Names: Dee, John, 1527-1608 (Former owner); Dorchester, Henry Pierrepont, Marquis of, 1606-1680 (Donor); Toxites, Michael, 1515-1581 (Editor), Images: CN 9886 - Introductio in divinam chemiae_Bonus, 1772.JPG, priref: 36087</t>
  </si>
  <si>
    <t>Petrus Bonus</t>
  </si>
  <si>
    <t>Maimonides the Physician</t>
  </si>
  <si>
    <t>Statement of Responsibility: by Max Kahn, Illustrations: portrait, Dimensions: 25 cm, Provenance: Donated by the Osler Club, Bibliographical Note: Bibliography, Genre: Biographies, Other Names: Osler Club of London (Donor), Class Number: 92 MAI, priref: 200003215</t>
  </si>
  <si>
    <t>Max Kahn</t>
  </si>
  <si>
    <t>The Herball or Generall Historie of Plantes</t>
  </si>
  <si>
    <t>Norton, John, -1612; Norton, Bonham, 1565-1635; Bollifant, Edmund, -1602</t>
  </si>
  <si>
    <t>Dimensions: 30 cm, Class Number: 44, priref: 10082</t>
  </si>
  <si>
    <t>John Gerarde</t>
  </si>
  <si>
    <t>Caelii Avgvstini Cvrionis Sarracenicae Historiae libri tres, ab autore innumeris locis emendati atq [ue] expoliti. In qvibvs Sarracenorum, Turcarum, aliarumq [ue] gentium origines &amp; res per annos septingentos gestae continentur. His accessere Volfgangi Drechsleri earundem rerum Chronicon, siue breuiarium. Item, Cael. Avgvst. Cvrionis Marochensis regni in Mauritania nobilissimi Ã  Sarracenis conditi, descriptio nunquam antea edita. Caelii Secvndi Cvrionis, De bello Melitensi Ã  Turcis gesto, historia noua. Cum rerum &amp; uerborum in hisce praecipuÃ© memorabilium copioso indice</t>
  </si>
  <si>
    <t>Publication Statement: Basileae : Ex officina Oporiniana, 1568, Dimensions: 17 cm (8vo), Provenance: Copy 9902: Roberts and Watson note that it is Dee's copy, 'without signature but with heavy annotations by him in some sections'., General Note: Copy 9902: Dorchester D139/13, Bibliographical Note: MS. notes., Citation Note: Copy 9902: Roberts and Watson, 1075, Collection: John Dee; Dorchester, Genre: Annotations, Other Names: Dee, John, 1527-1608 (Former owner); Dorchester, Henry Pierrepont, Marquis of, 1606-1680 (Donor), priref: 36520</t>
  </si>
  <si>
    <t>Celio Augustino Curione, Celio Secondo Curione, Wolfgang Drechsler</t>
  </si>
  <si>
    <t>Discours: prononcÃ© par F. O. Ward, ESQ(RE) (Angleterre), a Las Angles sÃ©ance d'ouverture du congrÃ©s international de bienfaisance, Bruxelles, 1856</t>
  </si>
  <si>
    <t>Charles Muquardt</t>
  </si>
  <si>
    <t>Statement of Responsibility: F. O. Ward, Dimensions: 22 cm, Class Number: 614, priref: 33381</t>
  </si>
  <si>
    <t>50.85045,4.34878</t>
  </si>
  <si>
    <t>Frederick Oldfield Ward</t>
  </si>
  <si>
    <t>Outlines of a New Theory of Medicine</t>
  </si>
  <si>
    <t>Printed for the Author by Meyler and Son</t>
  </si>
  <si>
    <t>Statement of Responsibility: Edited by John Forbes, Alexander Tweedie, John Conolly., Publication Statement: 1833-35, Dimensions: 25 cm, Bibliographical Note: Bibliography, Genre: Dictionaries, Other Names: Forbes, John, Sir, 1787-1861 (Editor); Conolly, John, 1794-1866 (Editor); Tweedie, Alexander, 1794-1884 (Editor), Class Number: 61(03), priref: 10828, Child: 35339; 42821</t>
  </si>
  <si>
    <t>Sir George Smith Gibbes</t>
  </si>
  <si>
    <t>svppvtatio ecclesiastica secundum novam &amp; antiqvam calendarii rationem; huic accessit Theoria calendariorum</t>
  </si>
  <si>
    <t>apud G. Fleischmann</t>
  </si>
  <si>
    <t>Adrien Romano</t>
  </si>
  <si>
    <t>Suggestions for Consideration by the Council of the Royal College of Physicians of London in Relation to My Bequest, 1877, for the Establishment of a Few Lectures Every Year on State Medicine and Public Hygiene</t>
  </si>
  <si>
    <t>Statement of Responsibility: Gavin Milroy, Publication Statement: 1879, Dimensions: 22 cm, Class Number: C042, priref: 22731</t>
  </si>
  <si>
    <t>The Dispensary</t>
  </si>
  <si>
    <t>Dimensions: 20 cm, Provenance: Autograph: Webb, W.; Autograph: Codrington, S.; Autograph: Hawkins, Isaac, Bibliographical Note: Wing G275.; Four copies.; This is the earlier of two issues.; There are manuscript notes in two copies, and a manuscript key in one., Class Number: C8-1, priref: 11781</t>
  </si>
  <si>
    <t>Louis et La MÃ©thode numÃ©rique en mÃ©decine</t>
  </si>
  <si>
    <t>Masson et C(ie)</t>
  </si>
  <si>
    <t>Statement of Responsibility: par le professeur A. Chauffard, Publication Statement: Paris : Masson et Cie, Ã©diteurs, libraires de L'AcadÃ©mie de MÃ©decine, 120, boulevard Saint-German (6e), 1909, Dimensions: 22 cm, Genre: Biographies, Class Number: 303.71:616</t>
  </si>
  <si>
    <t>A. Chaufard</t>
  </si>
  <si>
    <t>Provisional Regulations Applicable to Candidates Who Have Not Passed the Required Preliminary Examination in General Education before the 1st January, 1923</t>
  </si>
  <si>
    <t>1st January, 1923</t>
  </si>
  <si>
    <t>Corporate Author: Examining Board in England; Royal College of Physicians of London. Examinations; Royal College of Surgeons of England, Dimensions: 22 cm, Class Number: C06.067, priref: 10310</t>
  </si>
  <si>
    <t>Introductio in physicam judiciariam, in qua â€¦ vera astrologiae fundamenta &amp; rerum humanarum consensus â€¦ demonstratur</t>
  </si>
  <si>
    <t>MDLXXXXVII</t>
  </si>
  <si>
    <t>Binderiana (ex off.)</t>
  </si>
  <si>
    <t>Illustrations: ill., Dimensions: 18 cm, Provenance: Autograph on title page: unidentified; Annotations on title page: unidentified, Collection: Dorchester, Genre: Illegible markings; Annotations, Images: CN 7566 - Introductio in physicam judiciariam_Lindhout, 1597 cropped.JPG, priref: 38473</t>
  </si>
  <si>
    <t>Henri de Lindhout</t>
  </si>
  <si>
    <t>Ã‰loge d'Antoine Dubois</t>
  </si>
  <si>
    <t>Chez J.-B. BailliÃ¨re</t>
  </si>
  <si>
    <t>Dimensions: 22 cm, Bibliographical Note: Bibliography, priref: 8324</t>
  </si>
  <si>
    <t>E. Frederic Dubois</t>
  </si>
  <si>
    <t>Hermann Nothnagel</t>
  </si>
  <si>
    <t>Verlag Moritz Perles</t>
  </si>
  <si>
    <t>Statement of Responsibility: being a translation of Die Gymnastik der Herzleidenden"" von Dr. Med. Julius Hofmann and Dr. Med. Ludwig Poehlman, Corporate Author: by John George Garson"", Publication Statement: 1909, Illustrations: xvi, 128 p., Dimensions: ill., Accompanying Material: 26 cm, Bibliographical Note: Includes index., Class Number: Garson, J. G. (John George) (Translator), Continues: 615.825, Child: 15549</t>
  </si>
  <si>
    <t>48.2081743,16.3738189</t>
  </si>
  <si>
    <t>Jaksch von Wartenhorst, Rudolf Ritter</t>
  </si>
  <si>
    <t>Vaccination: Its Natural History and Pathology: Being the Milroy Lectures for 1898 Delivered before the Royal College of Physicians of London</t>
  </si>
  <si>
    <t>Statement of Responsibility: by S. Monckton Copeman, Corporate Author: Royal College of Physicians of London, Illustrations: illustrations, Dimensions: 20 cm, Series: Milroy lectures, Series Number: 1898, Bibliographical Note: Bibliography, Collection: UK Medical Heritage Library, Genre: Lectures, Class Number: C042, Websites: &lt;a href=https://archive.org/details/rcplondon?&amp;and=b2497481x""&gt;View online via the Internet Archive&lt;/a&gt;; &lt;a href=""http://wellcomelibrary.org/player/b2497481x""&gt;View online via the Wellcome Library&lt;/a&gt;; &lt;a href=""https://ukmhl.historicaltexts.jisc.ac.uk/ukmhl-b2497481x""&gt;View online via Jisc Historical Texts&lt;/a&gt;"", priref: 7531</t>
  </si>
  <si>
    <t>Sydney Monckton Copeman</t>
  </si>
  <si>
    <t>On Inheritance of Mental Characters: The Harveian Oration for 1910: Delivered before the Royal College of Physicians of London on October 18th</t>
  </si>
  <si>
    <t>Statement of Responsibility: by H.B. Donkin, Dimensions: 20 cm, Binding Method: Hardback, Series: Harveian oration, Series Number: 1910, Bibliographical Note: Includes bibliographical references, Collection: UK Medical Heritage Library, Genre: Lectures, Class Number: C06.091.4, Websites: &lt;a href=https://archive.org/details/rcplondon?&amp;and=b2497495x""&gt;View online via the Internet Archive&lt;/a&gt;; &lt;a href=""http://wellcomelibrary.org/player/b2497495x""&gt;View online via the Wellcome Library&lt;/a&gt;; &lt;a href=""https://ukmhl.historicaltexts.jisc.ac.uk/ukmhl-b2497495x""&gt;View online via Jisc Historical Texts&lt;/a&gt;"", priref: 9507</t>
  </si>
  <si>
    <t>H. B. Donkin</t>
  </si>
  <si>
    <t>An Act to Enable the President and College, or Commonalty of the Faculty of Physic in London, to Hold Their Corporate Meetings within the City of Westminster, or the Liberties Thereof</t>
  </si>
  <si>
    <t>Dimensions: 22 cm, priref: 35022</t>
  </si>
  <si>
    <t>Novvm Testamentvm Graece et Latine, diligentia Des. Erasmi Roterod. emendatissimum, &amp; iam postremo ad multa exemplaria â€¦ diligenter castigatum &amp; editum. Adjecta svnt argvmenta eiusdem unÃ  cum marginalibus concordantijs</t>
  </si>
  <si>
    <t>Brylinger, Nicolas</t>
  </si>
  <si>
    <t>Publication Statement: Basle : Apud Nicolaum Bryling, MDLVIII, Dimensions: 17 cm, Binding: Contemporary alum-tawed pigskin over wooden boards, with clasps, manuscript binding waste, headbands and 3 raised bands., Provenance: Title written at top of text block; Book-stamp on title-page Conv. Nazar; Annotated throughout in ink; G M Wanchope, General Note: Printer's device on title page., Genre: Wooden boards; Pigskin bindings; Raised bands; Annotations; Blind tooled bindings; Clasp plates; Manuscript waste; Headbands; Printers' devices, Other Names: Wauchope, Gladys Mary, 1889-1966 (Donor); Erasmus, Desiderius, -1536 (Translator), priref: 59870</t>
  </si>
  <si>
    <t>Q.m. an commentitium tritus &amp; fermentationis commercium?</t>
  </si>
  <si>
    <t>4 Februarii 1723</t>
  </si>
  <si>
    <t>February 4, 1723</t>
  </si>
  <si>
    <t>Dimensions: 16 cm, Bibliographical Note: Reprint of the 1753 edition., priref: 13722</t>
  </si>
  <si>
    <t>A Lecture on LaÃ«nnec and the Evolution of the Stethoscope</t>
  </si>
  <si>
    <t>July 6th, 1907</t>
  </si>
  <si>
    <t>Statement of Responsibility: C. Theodore Williams, Illustrations: illustrations, Dimensions: 22 cm, Genre: Biographies, Class Number: 92 LAE, priref: 200006429</t>
  </si>
  <si>
    <t>Charles Theodore Williams</t>
  </si>
  <si>
    <t>Petri Castellani, in Academia Lovaniensi Graecarum literarum professoris, Vitae veterum et illustrium medicorum, qui toto orbe, usque ad secolum XIII. floruerunt</t>
  </si>
  <si>
    <t>Illustrations: Ill., Dimensions: 22 cm, Bibliographical Note: Some ms notes, Collection: Dorchester, priref: 59615</t>
  </si>
  <si>
    <t>Jacobus Gronovius, Pierre Du Chastel</t>
  </si>
  <si>
    <t>La febbre gialla â€¦ memoria nosografica</t>
  </si>
  <si>
    <t>q. Mario</t>
  </si>
  <si>
    <t>Dimensions: 22 cm, Bibliographical Note: Author: Adams, Sir William, afterwards Rawson., priref: 1587</t>
  </si>
  <si>
    <t>Giorgio Giacomo de Bertoldi</t>
  </si>
  <si>
    <t>Quaestio medica-chirurgica an cuique gangrenae solius chirurgicae auxilium?</t>
  </si>
  <si>
    <t>Aprilis, 1726</t>
  </si>
  <si>
    <t>April, 1726</t>
  </si>
  <si>
    <t>[P. N. Lottin (typis)]</t>
  </si>
  <si>
    <t>Publication Statement: 1726, Dimensions: 25 cm, Other Names: Jussieu, Bernard de (Proponent); Le Tellier, Nicolas (Praeses), priref: 19023</t>
  </si>
  <si>
    <t>An Alphabetical list of all the materia medica and preparations contained in the London, Edinburgh and Dublin pharmacopoeias</t>
  </si>
  <si>
    <t>Dimensions: 17 cm, Bibliographical Note: Glossary.; Introduction and chapter headings in English., priref: 25100</t>
  </si>
  <si>
    <t>Memoirs of the Most Material Transactions in England for the Last Hundred Years Preceding the Revolution in 1688</t>
  </si>
  <si>
    <t>H. Lintot</t>
  </si>
  <si>
    <t>Publication Statement: 1736?, Dimensions: 17 cm, Binding Method: Hardback, Bibliographical Note: Check date, Class Number: C08 WEL, priref: 34099</t>
  </si>
  <si>
    <t>James Welwood</t>
  </si>
  <si>
    <t>The Present State of Physick &amp; Surgery in London... In a Letter from a Merchant in London to a Dispensary Physician, with the Physician's Answer</t>
  </si>
  <si>
    <t>T. Speed</t>
  </si>
  <si>
    <t>Dimensions: 22 cm, Provenance: Autograph: Douglas, Joseph, General Note: 4 copies; Copy number 13495-9: Bound with 'A discourse setting forth the unhappy condition of the practice of physick in London' by Jonathan Goddard, 1670. Spine title: Pamphlets on physic and physicians; One copy bound with 'A narrative of facts, de, Class Number: C9, priref: 26788</t>
  </si>
  <si>
    <t>Oratio anniversaria, quam in theatro Collegii Regalis Medicorum Londinensium, ex Harveii instituto, festo divi LucÃ¦, anno 1765, (Harveian Oration, 1765)</t>
  </si>
  <si>
    <t>Personal Recollections of Sir John Simon K. C. B.</t>
  </si>
  <si>
    <t>Statement of Responsibility: Sir John Simon, Dimensions: 20 cm, Provenance: Autograph: Simon, John (Sir), Genre: Biographies, Other Names: Simon, John, Sir, 1816-1904 (Former owner), Class Number: 92 SIM, priref: 29763</t>
  </si>
  <si>
    <t>De vera anni forma, sive de recta eius emendatione</t>
  </si>
  <si>
    <t>MDXXC</t>
  </si>
  <si>
    <t>Varisciana (in off.)</t>
  </si>
  <si>
    <t>D. physico-m. de febrium natura, causis, differentiis &amp; symptomatibus</t>
  </si>
  <si>
    <t>XIX Decembr MDCLXXXV</t>
  </si>
  <si>
    <t>December 19, 1685</t>
  </si>
  <si>
    <t>Schultzianis (literis)</t>
  </si>
  <si>
    <t>Publication Statement: 1705, Dimensions: 23 cms, Bibliographical Note: Disputatio., Other Names: Stahl, Georg Ernst (Praeses); Bleibel, Paul Daniel (Respondent), priref: 30370</t>
  </si>
  <si>
    <t>Specimen academicum inaugurale sistens theses aliquot medicas pro gradu doctoratus in Academia Lugduno-Batava. 1799</t>
  </si>
  <si>
    <t>MDCCXCIX</t>
  </si>
  <si>
    <t>Dimensions: 27cms, priref: 30981</t>
  </si>
  <si>
    <t>John Walker</t>
  </si>
  <si>
    <t>D.m.i. de raucedine</t>
  </si>
  <si>
    <t>April. MDCLXXXIII</t>
  </si>
  <si>
    <t>April, 1683</t>
  </si>
  <si>
    <t>Publication Statement: 1739, Dimensions: 21cms., Bibliographical Note: Check date, priref: 32704</t>
  </si>
  <si>
    <t>Theses de dysenteria</t>
  </si>
  <si>
    <t>Dimensions: 23 cm, Bibliographical Note: This is a series of dissertations. J. Horst was the 'praeses', or supervisor., Other Names: Horst, Jakob (Praeses); Finx, Peter (Respondent); Kirchov, Otto (Respondent); Luchten, Adam (Respondent), priref: 15918</t>
  </si>
  <si>
    <t>Medical Organisations and the Growth of the Medical Sciences in the Seventeenth Century, Illustrated by the Lives of Local Worthies</t>
  </si>
  <si>
    <t>September, 1911</t>
  </si>
  <si>
    <t>J. W. Arrowsmith Ltd.</t>
  </si>
  <si>
    <t>Statement of Responsibility: George Parker, Dimensions: 22 cm, Bibliographical Note: Bibliography., Class Number: 61'16', priref: 200004785</t>
  </si>
  <si>
    <t>41.673522,-72.9465374</t>
  </si>
  <si>
    <t>George Parker</t>
  </si>
  <si>
    <t>A Letter Addressed to Sir Robert Harry Inglis: A Letter Addressed to Sir Robert Harry Inglis; Being a Short Inquiry into the Nature of the Protection Afforded by Legislative Incorporation in Relation to the Universities and Colleges of Oxford</t>
  </si>
  <si>
    <t>John Henry Parker</t>
  </si>
  <si>
    <t>Statement of Responsibility: by William Odling, Publication Statement: 18-?, Dimensions: 22 cm, General Note: At head of caption: From Guy's Hospital reports.; Catalogued from head of text.; Bound in volume lettered Medico-legal tracts, 7., Collection: UK Medical Heritage Library, Class Number: 340.6, Websites: &lt;a href=http://wellcomelibrary.org/player/b28270460""&gt;View online via the Wellcome Library&lt;/a&gt;; &lt;a href=""https://archive.org/details/rcplondon?&amp;and=b28270460""&gt;View online via the Internet Archive&lt;/a&gt;; &lt;a href=""https://ukmhl.historicaltexts.jisc.ac.uk/ukmhl-b28270460""&gt;View online via Jisc Historical Texts&lt;/a&gt;"", priref: 24682</t>
  </si>
  <si>
    <t>51.7520209,-1.2577263, 51.5073509,-0.1277583</t>
  </si>
  <si>
    <t>James Wallis Pycroft</t>
  </si>
  <si>
    <t>On Slow Poisoning by Antimony</t>
  </si>
  <si>
    <t>Statement of Responsibility: Jakob Moleschott, Dimensions: 20 cm, Collection: UK Medical Heritage Library, Class Number: 612, Websites: &lt;a href=https://archive.org/details/rcplondon?&amp;and=b2265186x""&gt;View online via the Internet Archive&lt;/a&gt;; &lt;a href=""http://wellcomelibrary.org/player/b2265186x""&gt;View online via the Wellcome Library&lt;/a&gt;; &lt;a href=""https://ukmhl.historicaltexts.jisc.ac.uk/ukmhl-b2265186x""&gt;View online via Jisc Historical Texts&lt;/a&gt;"", priref: 23072</t>
  </si>
  <si>
    <t>John Birkbeck Nevins</t>
  </si>
  <si>
    <t>Disputatio medica inauguralis de atrophia</t>
  </si>
  <si>
    <t>Dimensions: 21 cm, priref: 19851</t>
  </si>
  <si>
    <t>Jacobus Le Candele</t>
  </si>
  <si>
    <t>Oratio anniversaria, habita in theatro Collegii Medicorum Londinensium decimo octavo die Octob. et divi Lucae festo. 1681: in commemorationem beneficiorum a Doctore Harveio, aliÃ­sque munificis viris foeminÃ­sque eidem collegio praestitorum</t>
  </si>
  <si>
    <t>Statement of Responsibility: a Georgio Rogers, ejusdem Collegii socio. Necnon &amp; oratio in Gymnasio Patavino habita prid. Cal. Maii an. MDCXLVI. Ab eodem, docturae gradu suscepto, Dimensions: 18, 26 cm, Series: Harveian oration, Series Number: 1681, General Note: 21396-24: No. 3 in a volume entitled 'Orationes Harveianae, 1661-1743', Bibliographical Note: Wing R1803., Genre: Addresses, Class Number: C06.091.4, priref: 40134</t>
  </si>
  <si>
    <t>George Rogers</t>
  </si>
  <si>
    <t>On the Restoration of Vision, When Injured or Destroyed, in Consequence of the Cornea Having Assumed a Conical Form</t>
  </si>
  <si>
    <t>Printd by W. Bulmer and Co.</t>
  </si>
  <si>
    <t>Publication Statement: Lugduni : apud haered. Seb. Gryphii, M. D. LIX., Illustrations: illustrations (woodcuts), Dimensions: 17 cm (8vo), General Note: Printer's device on title page: gryphon stood on one leg on a book or block of wood surmounting a winged orb, with motto Virtute duce, Bibliographical Note: comite fortuna"".; Printer's device on last page: gryphon passant.; 21576-1: bound with Rudimenta grammatices, Citation Note: 1559."", Exhibition Note: Latin, Class Number: Printers' devices; Woodcut illustrations, Continued by: C08 LIN</t>
  </si>
  <si>
    <t>Sir William Adams</t>
  </si>
  <si>
    <t>The New British Dispensatory Containing the Preparations and Compositions of the New London and Edinburgh Pharmacopoeias</t>
  </si>
  <si>
    <t>F. Newbery</t>
  </si>
  <si>
    <t>Statement of Responsibility: praelecta a F.Calmette, Dimensions: 15 cm, Bibliographical Note: 2 pts in 1., Class Number: 61, priref: 27305</t>
  </si>
  <si>
    <t>W. H. Glover</t>
  </si>
  <si>
    <t>The Natural Method of Cureing [Sic] the Diseases of the Body, and the Disorders of the Mind Depending on the Body: in Three Parts</t>
  </si>
  <si>
    <t>Strahan, George</t>
  </si>
  <si>
    <t>Statement of Responsibility: by Geo. Cheyne, ..., Publication Statement: M.DCC.XLII, Dimensions: 21 cm, Provenance: Autograph: Musgrave, W, Bibliographical Note: Contents: Part I. General reflections on the oeconomy of nature in animal life -- Part II. The means and methods for preserving life and faculties; and also concerning the nature and cure of acute, contagious and cephalic disorders -- Part III. Reflections on the nature and cure of particular chronical distempers.; Copy provenance: ownership inscr. W. Musgrave, with MS notes., Class Number: 61, priref: 6442</t>
  </si>
  <si>
    <t>Cholera: An Inquiry, Physiological and Pathological, into Its Proximate Cause</t>
  </si>
  <si>
    <t>Printed by T. Wilsher</t>
  </si>
  <si>
    <t>Statement of Responsibility: par Ã‰Ìdouard Schmalz, Dimensions: 22 cm, Provenance: Autograph: Schmalz, Ã‰douard., priref: 28893</t>
  </si>
  <si>
    <t>Protheroe Smith</t>
  </si>
  <si>
    <t>Exercitationes miscellaneae varii argumenti inprimis anatomici</t>
  </si>
  <si>
    <t>Hackiana (ex off.)</t>
  </si>
  <si>
    <t>Illustrations: ill., port., Dimensions: 21 cm, Bibliographical Note: Engraved t.-p. dated 1674; wanting in one copy., Class Number: 611, priref: 2349</t>
  </si>
  <si>
    <t>Monthly Report on the Health and Climate of St Marylebone, during May, 1856</t>
  </si>
  <si>
    <t>JUNE 7TH, 1856</t>
  </si>
  <si>
    <t>June 7, 1856</t>
  </si>
  <si>
    <t>Dimensions: 22 cm, Genre: Reports, priref: 32794</t>
  </si>
  <si>
    <t>Robert Dundas Thomson</t>
  </si>
  <si>
    <t>D.m.i. de arthritide</t>
  </si>
  <si>
    <t>excudebat Andreas Duncan</t>
  </si>
  <si>
    <t>Statement of Responsibility: By C. Lockhart Roberston., Publication Statement: 1848, Dimensions: 22 cm, Provenance: Signature: The editor of the Medical Gazette with the author's compliments., Bibliographical Note: Catalogued from head of text; Bibliog.; 'Printed by permission from no. II of the Journal of Psychological Medicine and Mental Pathology, edited by Forbes Winslow'; Bound in volume lettered Medico-legal tracts, 3., Class Number: 340.6, priref: 27414</t>
  </si>
  <si>
    <t>Charles Scudamore</t>
  </si>
  <si>
    <t>Synkrisin [in Greek] et diakrisin [in Greek] humorum vitalium &amp; inde ortorum proposuit J. A. W</t>
  </si>
  <si>
    <t>FEBR MDCCXIII</t>
  </si>
  <si>
    <t>February, 1713</t>
  </si>
  <si>
    <t>Illustrations: Illus., Dimensions: 46 cms, Bibliographical Note: Wing V 616., Other Names: Dryden, John, 1631-1700 (Translator), Class Number: 871, priref: 33016</t>
  </si>
  <si>
    <t>Johann Adolph Wedel</t>
  </si>
  <si>
    <t>Dell'arte di scrimia libri tre</t>
  </si>
  <si>
    <t>~MDLXXII~</t>
  </si>
  <si>
    <t>Tamborino, Giulio</t>
  </si>
  <si>
    <t>Statement of Responsibility: di M. Giovanni dall'Agocchie Bolognese. ; Ne'quali breuemente si tratta dell'arte dello schermire, della giostra, dell'ordinar battaglie ..., Publication Statement: In Venetia : Appresso Giulio Tamborino, M.D.LXXII, Dimensions: 20, 22 cm, Provenance: Copy number 10160-2: Roberts and Watson note the copies of this and the previous item (Roberts and Watson 2121, copy number 10160-1), bound together, have no markings but are probably Dee's""."", General Note: Copy numbers 10160-1, 10160-2: Dorchester number D131/15; One copy bound with Cataneo, G. Nuovo ragionamento del fabricare le fortezze. 1571; one with Grassi, G. di Ragione di adoptar sicuramente l'arme. 1570., Citation Note: Roberts and Watson, 2122, Collection: John Dee; Dorchester, Other Names: Dorchester, Henry Pierrepont, Marquis of, 1606-1680 (Donor), priref: 35258</t>
  </si>
  <si>
    <t>Suggestions Respecting the Intended Plan of Medical Reform, Respectfully Offered to the Legislature and the Profession</t>
  </si>
  <si>
    <t>Statement of Responsibility: por D. Cayetano Garviso, Dimensions: 19 cm, priref: 11800</t>
  </si>
  <si>
    <t>Joseph Henry Green</t>
  </si>
  <si>
    <t>Newtoni systema: carmen latinum in theatro Sheldoniano recitatum MDCCCXX</t>
  </si>
  <si>
    <t>Excudebat S.Collingwood</t>
  </si>
  <si>
    <t>Dimensions: 25 cm, priref: 5016</t>
  </si>
  <si>
    <t>William Ralph Churton</t>
  </si>
  <si>
    <t>De natvralibvs facvltatibvs libri tres</t>
  </si>
  <si>
    <t>apud Gugl. Rovillium</t>
  </si>
  <si>
    <t>Statement of Responsibility: T.Linacro interprete. Huc accesserunt J.Sylvii scholia ..., Dimensions: 13 cm, Bibliographical Note: MS. notes., Other Names: Linacre, Thomas, 1460-1524 (Translator), Class Number: 61, priref: 12514</t>
  </si>
  <si>
    <t>, Jacques Dubois</t>
  </si>
  <si>
    <t>The Two Sosias; or, the True Dr. Byfield at the Rainbow Coffee-House to the Pretender in Jermyn Street â€¦ [Anon.]</t>
  </si>
  <si>
    <t>Publication Statement: 1663, Dimensions: 23cms., Bibliographical Note: Dissertation. M.Ettmuller respondent; Check date, Other Names: Welsch, Gottfried (Proponent); Ettmuller, Michael Ernst (Respondent), priref: 33662</t>
  </si>
  <si>
    <t>An Account of Roman Remains Discovered in Lincoln</t>
  </si>
  <si>
    <t>Publication Statement: 189-?, Dimensions: 22 cm, General Note: Describes gifts to the College museum., Class Number: C 069, priref: 24216</t>
  </si>
  <si>
    <t>William O'Neill</t>
  </si>
  <si>
    <t>Observations upon the Case of W. Rose, an Apothecary as Represented by Himâ€¦ in Order to Have the Judgment Obtain'd against Him by the College of Physiciansâ€¦ Reversed</t>
  </si>
  <si>
    <t>Publication Statement: M. D. LXXX., Dimensions: 19 cm, Binding: Tooled contemporary pigskin binding with panels.; Bernard Halliday- Bookseller, Provenance: Tooled contemporary pigskin binding with panels.; Bernard Halliday- Bookseller, Bibliographical Note: Anonymous. By Jean de Serres, following on from his translation of a French work by Pierre de La Place. See Barbier, A.A. Ouvrages anonymes, IV, 1364, f; Imprint fictitious; printed in Geneva by E. Vignon (CLC); Includes index; Referenced: Adams, L197; Referenced: Barbier, A.A. Ouvrages anonymes, IV, 1194, e; Referenced: CLC, S1152., priref: 60760</t>
  </si>
  <si>
    <t>William Rose</t>
  </si>
  <si>
    <t>Notes on the Early Editions of Sir Thomas Browne</t>
  </si>
  <si>
    <t>Maclehose, Jackson &amp; Co.</t>
  </si>
  <si>
    <t>Bibliographical Note: Rep. from St. Bart's Hosp. Rep., vol. 40.; In his Essays and addresses, 4, No. 23., Class Number: 61(04), priref: 22513</t>
  </si>
  <si>
    <t>Thomas Kirkpatrick Monro</t>
  </si>
  <si>
    <t>Hippocrates and His Successors in Relation to the Philosophy of Their Time: the Fitzpatrick Lectures Delivered at the Royal College of Physicians 1921-22</t>
  </si>
  <si>
    <t>Longmans, Green, and Co</t>
  </si>
  <si>
    <t>Statement of Responsibility: by R. O. Moon, Dimensions: 19 cm, Binding Method: Hardback, Series: FitzPatrick lectures, Genre: Lectures, Class Number: C042, priref: 22246</t>
  </si>
  <si>
    <t>Robert Oswald Moon</t>
  </si>
  <si>
    <t>Fragments sur les organs gÃ©nito-urinaires des reptiles et leurs produits</t>
  </si>
  <si>
    <t>Dimensions: 26 cm, priref: 8734</t>
  </si>
  <si>
    <t>George Louis Duvernoy</t>
  </si>
  <si>
    <t>A Disquisition on Medicines That Dissolve the Stone, in Which Dr Chittick's Secret Is Considered and Discovered</t>
  </si>
  <si>
    <t>Printed for the Author</t>
  </si>
  <si>
    <t>Dimensions: 20 cm, priref: 2984</t>
  </si>
  <si>
    <t>Alexander Blackrie</t>
  </si>
  <si>
    <t>D. m. sistens aegrum laborantem syncope</t>
  </si>
  <si>
    <t>April MDCLXXXII</t>
  </si>
  <si>
    <t>April, 1682</t>
  </si>
  <si>
    <t>Publication Statement: 1543, Illustrations: Illus., Dimensions: 49 cms, Binding: Autograph: Spencer, Walter George; Binding : SU, Provenance: Autograph: Spencer, Walter George; Binding : SU, Bibliographical Note: 3 lines obscured on f. lv, supplied in MS; Previous location SL 31j; Check date, priref: 32801</t>
  </si>
  <si>
    <t>Observatio â€¦ pro hydrope pectoris, pulmonum anasarca, et hydropericardio cognoscendis, et nova methodus dictos morbos operandi</t>
  </si>
  <si>
    <t>Illustrations: ill, Dimensions: 65cm, Bibliographical Note: Bibliography; Folio, priref: 28636</t>
  </si>
  <si>
    <t>Francis Romer</t>
  </si>
  <si>
    <t>The Croonian Lectures on the Chemical Correlation of the Functions of the Body: Delivered before the Royal College of Physicians of London on June 20th, 22nd, 27th &amp; 29th, 1905</t>
  </si>
  <si>
    <t>June 20th, 22nd, 27th &amp; 29th, 1905</t>
  </si>
  <si>
    <t>Women's Printing Society, Limited</t>
  </si>
  <si>
    <t>Statement of Responsibility: by Ernest Henry Starling, Corporate Author: Royal College of Physicians of London, Dimensions: 23 cm, Series: Croonian lectures, Series Number: 1905, General Note: This also exists as a reprint from the Lancet, 1905, volume 2, Bibliographical Note: Includes bibliographic references., Collection: UK Medical Heritage Library, Genre: Lectures, Class Number: C042, Websites: &lt;a href=https://archive.org/details/rcplondon?&amp;and=b2497626x""&gt;View online via the Internet Archive&lt;/a&gt;; &lt;a href=""http://wellcomelibrary.org/player/b2497626x""&gt;View online via the Wellcome Library&lt;/a&gt;; &lt;a href=""https://ukmhl.historicaltexts.jisc.ac.uk/ukmhl-b2497626x""&gt;View online via Jisc Historical Texts&lt;/a&gt;"", priref: 30520</t>
  </si>
  <si>
    <t>Dissertatio inauguralis medica de voce, ejusque affectibus</t>
  </si>
  <si>
    <t>MDCLXXVII</t>
  </si>
  <si>
    <t>Publication Statement: 1677, Dimensions: 20cms, Bibliographical Note: Dissertation. G.W.Wedel praeses., priref: 28735</t>
  </si>
  <si>
    <t>Gunther Christoph Schelhammer</t>
  </si>
  <si>
    <t>QuÃ¦stio medica, an gracilibus pomaceum vino salubrius?</t>
  </si>
  <si>
    <t>Publication Statement: 1795?, Dimensions: 27 cm, priref: 4371</t>
  </si>
  <si>
    <t>A Letter to Mr. George Adams on the Subject of Medical Electricity; from Mr. John Birch, Surgeon</t>
  </si>
  <si>
    <t>MDCCXCII</t>
  </si>
  <si>
    <t>Dimensions: 21 cm, priref: 2919</t>
  </si>
  <si>
    <t>Mr. John Birch</t>
  </si>
  <si>
    <t>La cosmographie vniverselle</t>
  </si>
  <si>
    <t>ChaudiÃ¨re, Guillaume, -1601</t>
  </si>
  <si>
    <t>Dimensions: 18 cm, Binding: Binding: SU, Collection: Dorchester, priref: 41050</t>
  </si>
  <si>
    <t>AndrÃ© Thevet</t>
  </si>
  <si>
    <t>Hypomnemata mathematica, hoc est eruditus ille pulvis, in quo se exercuit illustrissimus, illustrissimo &amp; antiquissimo stemmate ortus Princeps, ac Dominus, Mauritius Princeps Auraicus, Comes Nassoviae, Cattimoelibocorum, Viandae, Moersii, &amp;c. Marchio Verae, &amp; Vlissinge, &amp;c. Dominus civitatis Gravae, &amp; ditonis Cuyc, civitatum uyt, Daesburch, &amp;c. Gubernator Geldriae, Hollandiae, Zelandiae, Westfisiae, Zutphaniae, Vltrajecti, Transisalane, &amp;c. Imperator exercitus Provinciarum foedere consociatarum Belgii, Architalassus Generalis, &amp;c.</t>
  </si>
  <si>
    <t>Ex Officina Ioannis Patii, Academiae Typographi</t>
  </si>
  <si>
    <t>Illustrations: port., Dimensions: 37 cm, Bibliographical Note: Another copy of tom. 1., Collection: Dorchester, Images: CN 9064 - Operum tomus primus -tertius_Sennert, 1650.JPG, priref: 40609</t>
  </si>
  <si>
    <t>Simon Stevin</t>
  </si>
  <si>
    <t>Tabulae astronomicae quas vulgo â€¦ resolutas vocant â€¦ Ratio â€¦ duodecim domorum coeli, authore Joanne de Monteregio</t>
  </si>
  <si>
    <t>M.D.XXXVI.</t>
  </si>
  <si>
    <t>Illustrations: ill., Dimensions: 15 cm, Class Number: 61, priref: 27765, Barcode: 12055-2</t>
  </si>
  <si>
    <t>Johann Schoner, Joannes Regiomontanus</t>
  </si>
  <si>
    <t>Illustriorum principumque urbium septentrionalium EuropÃ¦ tabulÃ¦</t>
  </si>
  <si>
    <t>Ex officina Joannis Janssonii</t>
  </si>
  <si>
    <t>Publication Statement: 1713, Dimensions: 23 cm, Bibliographical Note: Check date, priref: 33933, Barcode: 7455</t>
  </si>
  <si>
    <t>Pharmacopoeia Imperialis; sive, Pharmacopoeia Londinensis, Edinburgensis et Dublinensis, collatae</t>
  </si>
  <si>
    <t>Johannes Anderson</t>
  </si>
  <si>
    <t>Dimensions: 18 cm, Bibliographical Note: Interleaved, MS. notes., Class Number: 615.11(42), priref: 25680, Barcode: 18147</t>
  </si>
  <si>
    <t>Francisci Patritii Discussionum Peripateticarum, tomi primi, libri XIII: In quorum lectione, innumera sane inuenient studiosi, non solum in Aristotelica philosophia, tironibus: sed etiam, et in ea, et in reliqua literatura veteranis, mirabiliter, tum vtilia, tum rerum veteri nouitatae, iucundissima</t>
  </si>
  <si>
    <t>Anno. M.D.LXXI.</t>
  </si>
  <si>
    <t>Franceschi, Domenico de</t>
  </si>
  <si>
    <t>Illustrations: port., Dimensions: 27 cm, Collection: Dorchester, priref: 39174, Barcode: 10441</t>
  </si>
  <si>
    <t>Francesco Patrizi</t>
  </si>
  <si>
    <t>Pauli Aeginetae medici insignis Opus diuium, quo vir ille vastissimum totius artis oceanum, laconica breuitate, sensibus argutis, merisq [ue] aphorismis in epitomen redegit. Albano Torino Vitodurensi interprete</t>
  </si>
  <si>
    <t>AN. M. D. XXXII</t>
  </si>
  <si>
    <t>[per A. Cratandrum]</t>
  </si>
  <si>
    <t>Illustrations: port., Dimensions: 37 cm, Class Number: 61, priref: 22439, Barcode: 15887-2</t>
  </si>
  <si>
    <t>Alban Thorer, Aegineta Paulus</t>
  </si>
  <si>
    <t>In Hippocratis librum De natura hominis commentarius, J. Guinterio interprete. Accesserunt J. Sylvii scholia â€¦</t>
  </si>
  <si>
    <t>M.D.XL.</t>
  </si>
  <si>
    <t>Dimensions: 31 cm, Bibliographical Note: Copious MS. notes, Class Number: 61, priref: 12615, Barcode: 14305</t>
  </si>
  <si>
    <t>, Joannes Andernacus Guinterius, Jacques Dubois</t>
  </si>
  <si>
    <t>De Herophili celeberrimi medici vita, scriptis atque in medicina meritis</t>
  </si>
  <si>
    <t>MDCCCXL</t>
  </si>
  <si>
    <t>Publication Statement: 1846, Dimensions: 19 cm, Series: Medical directory, Genre: Directories, Class Number: 92:61, Continues: Medical director of Great Britain and Ireland, Continued by: London and provincial medical directory, priref: 19732, Barcode: 22702-14</t>
  </si>
  <si>
    <t>Karl Friedrich Heinrich Marx</t>
  </si>
  <si>
    <t>Disputationum m. quarta de spirituum animalium in cerebro, cerebelloque confectione, per nervos distributione, atque usu vario</t>
  </si>
  <si>
    <t>Dimensions: 23 cms, priref: 30314, Barcode: 22610-5</t>
  </si>
  <si>
    <t>Quadro positivo ne teorico ne empirico del solo vero processo flogistico â€¦</t>
  </si>
  <si>
    <t>Dimensions: 22 cm, priref: 12457</t>
  </si>
  <si>
    <t>Vincenzo Gobbi</t>
  </si>
  <si>
    <t>QuÃ¦stio medica an aqua vitÃ¦, aqua mortis?</t>
  </si>
  <si>
    <t>[J. Quillau (typis viduÃ¦)]</t>
  </si>
  <si>
    <t>Statement of Responsibility: By William Battie ..., Publication Statement: London: printed for J. Whiston and B. White in Fleet-street, M,DCC,LVIII., Illustrations: illustrations (woodcuts), Dimensions: 28 cm (4to), General Note: Woodcut tail-pieces.; Price from imprint: Price two shillings and six-pence"".; Publishers' advertisment on leaf A4 verso."", Genre: Book prices; Tail-pieces; Woodcut illustrations; Publishers' advertisements, Class Number: 61, priref: 13677, Barcode: 22596-9</t>
  </si>
  <si>
    <t>Francisco Picote de Belestre</t>
  </si>
  <si>
    <t>QuÃ¦stio medica an hydrargyrus unicum syphilidis a?? e?? fa? Âµa????</t>
  </si>
  <si>
    <t>Novembris, 1727</t>
  </si>
  <si>
    <t>November, 1727</t>
  </si>
  <si>
    <t>J. Quillau</t>
  </si>
  <si>
    <t>Dimensions: 20 cm, priref: 1446, Barcode: 22596</t>
  </si>
  <si>
    <t>Oratio anniversaria... ex Harveii instituto, habita 1757 (Harveian Oration, 1757)</t>
  </si>
  <si>
    <t>MDCCLVIII</t>
  </si>
  <si>
    <t>apud G. Russel</t>
  </si>
  <si>
    <t>Dimensions: 27 cm, Series: Harveian oration, Series Number: 1757, General Note: 21440-18: No. 13 in a volume lettered 'Orationes Harveianae, 1744-74', Class Number: C06.091.4, priref: 22096, Barcode: 21440-18</t>
  </si>
  <si>
    <t>John Monro</t>
  </si>
  <si>
    <t>Discorsi sopra l'antichita di Romae</t>
  </si>
  <si>
    <t>MDLXXXII</t>
  </si>
  <si>
    <t>Apresso Francesco Ziletti</t>
  </si>
  <si>
    <t>Illustrations: ill., Dimensions: 20 cm, Collection: Dorchester, priref: 40317, Barcode: 7950</t>
  </si>
  <si>
    <t>Vincenzo Scamozzi</t>
  </si>
  <si>
    <t>Fabritii Paduanii philisophi ac medici â€¦ Tractatus duo alter de ventis, alter de terraemotu : adiecto indice copiosissimo</t>
  </si>
  <si>
    <t>M. DCI</t>
  </si>
  <si>
    <t>Apud Ioannem Baptistam Bellagambam</t>
  </si>
  <si>
    <t>Publication Statement: M.DCI., Illustrations: ill. (woodcuts), Dimensions: 29 cm, General Note: Former shelfmark on title-page: gs underlined, Bibliographical Note: Title vignette printer's device?; Includes index; Signatures: cross4 A-B4(+Â²B3) C-Y4. A3-A4 witn cancels, instead Dc ?; Registrum p. 8: cross ABCDEFGHIKLMNOPQRSTVXY. Omnes sunt Duerniones, praeter B qui est Ternio; Errata p. 7-8; MS note on p. 71., Summary: Other title: Tractatvs dvo, alter de ventis, alter de terraemotv, Collection: Dorchester, priref: 39283, Barcode: 7971</t>
  </si>
  <si>
    <t>44.494888,11.342616</t>
  </si>
  <si>
    <t>Fabrizio Padovani</t>
  </si>
  <si>
    <t>Tavole figurate di alcune parti organiche del corpo umano degli animali e dei vegetabili esposte nel Prodromo della grande anatmia</t>
  </si>
  <si>
    <t>Statement of Responsibility: prepared under direction of the Committee of the Court of Common Council appointed in relation to the said Hospitals, Corporate Author: City of London (England). Court of Common Council, Publication Statement: Printed by Arthur Taylor, 39, Coleman Street, Dimensions: 24 cm, Provenance: Former owner: Allchin, William Henry (book-label on pastedown); Donation: Allchin, Margaret, Other Names: Allchin, William Henry, 1846-1912 (Former owner); Allchin, Margaret (Donor), Class Number: 362.11(421), priref: 19744, Barcode: 17680-2</t>
  </si>
  <si>
    <t>Paolo Mascagni</t>
  </si>
  <si>
    <t>Mathemalogiu[m] prime p[ar]tis</t>
  </si>
  <si>
    <t>Lotter, Melchior</t>
  </si>
  <si>
    <t>Statement of Responsibility: Andree alexandri Ratisbonensis mathematici super novam et veterem loycam Aristotelis. Hermannus Buschius pasiphilus lectori. Epigrama extemporale., Publication Statement: Melchior Lotter Liptzen impressor solertissimus impressit anno salutis Millesimo quingentesimoquarto. Nonis Marci., Illustrations: woodcut illustrations, Dimensions: 31 cm, Provenance: Autograph on head of title-page: 'Joannes Deeus 1551 Londini' John Dee; Annotation by Dee, last p. under colophon: 'Perlegi anno 1555 inter 18 et 24 septebris fullhamiae in aedibus singularis amici meu Reverendi ... Edmundi Bonar Londinesis episcopi.' Edmund Bonner; Annotation on fly-leaf and title-page: 'V221' Former shelfmark?; Copy no. 7997: Roberts and Watson note that 'it is signed Joannes Deeus 1551 Londini"", Series: and has numerous marginal notes and underlinings...it probably passed into the Dorchester Library independently of Nicholas Saunder'."", Bibliographical Note: Imprint information from colophon.; Blind impressions of one line of type on sig. A1r and A3r.; Copy 7997: Dorchester No. D14/1, Summary: Copy 7997: Roberts and Watson, 79, Preservation Note: Latin, Collection: Scholar, courtier, magician : the lost library of John Dee, Other Names: Woodcut illustrations; Annotations; Blind impressions; Autographs, Class Number: Dee, John, 1527-1608 (Former owner); Dorchester, Henry Pierrepont, Marquis of, 1606-1680 (Donor), Child: 35327, Barcode: 7997</t>
  </si>
  <si>
    <t>Andreas Alexander</t>
  </si>
  <si>
    <t>De diversa hominum natura prout a veteribus philosophis ex corporum speciebus reperta est, cognoscenda liber</t>
  </si>
  <si>
    <t>MDXLVIIII</t>
  </si>
  <si>
    <t>Tournes, Jean de, 1504-1564</t>
  </si>
  <si>
    <t>Statement of Responsibility: A. Molinii ... diligentia nunc primum in lucem emergens, Publication Statement: Lugduni : apud J. Tornaesium, 1549, Dimensions: 17 cm, Provenance: Copy 7425: Roberts and Watson note that, though there are no markings, this copy is probably Dee's., General Note: Copy 7425: Dorchester No. D47/4, Citation Note: Copy 7425: Roberts and Watson, 2083, Collection: John Dee; Dorchester, Other Names: Dee, John, 1527-1608 (Former owner); Dorchester, Henry Pierrepont, Marquis of, 1606-1680 (Donor), priref: 38919, Barcode: 7425</t>
  </si>
  <si>
    <t>Antoine Du Moulin</t>
  </si>
  <si>
    <t>Morieni Romani, quondam eremitae Hierosolymitani, De re metallica, metallorum transmutatione, &amp; occulta summaq [ue] antiquorum medicina libellus, praeter priore [m] editionem accuratÃ¨ recognitus. Item, nunc primÃ¹m in lucem prodit Bernardi Treuirensis Responsio ad Thoma [m] de Bononia Caroli Regis Octaui medicum De mineralibus, &amp; elixiris seu pulueris philosophici compositione, quae pars est secretioris phisicae, scholiis aliquot per Robertu [m] Vallensem Rugl. illustrata. Ad calcem adduntur tabulae breues ab eodem R. Vallensi conscriptae quae antiquoru [m] intentionem de puluueris philosophici compositione, abstrusis eorum scriptis &amp; aenigmatibus inuolutam, declarant cum indice copiosissimo</t>
  </si>
  <si>
    <t>MDLXIIII</t>
  </si>
  <si>
    <t>Guillard, Guillaume</t>
  </si>
  <si>
    <t>Publication Statement: Parisiis : Apud Gulielmum Guillard, via Iacobaea sub D. Barbarae signo., M.D.LXIIII, Dimensions: 19 cm, Provenance: Copy 9254: Roberts and Watson identify 'underlinings which may be Dee's, and if so will be one of these no.1430 or, more probably, no.1908'., General Note: Copy 9254: Dorchester No. D107/1, Citation Note: Copy 9254: Roberts and Watson, 1430 or 1908, Collection: John Dee; Dorchester, Genre: Annotations, Other Names: Dee, John, 1527-1608 (Former owner); Dorchester, Henry Pierrepont, Marquis of, 1606-1680 (Donor), priref: 39082</t>
  </si>
  <si>
    <t>Romanus Morienus, , Robertus Vallensis</t>
  </si>
  <si>
    <t>Eine neue Art von Strahlen</t>
  </si>
  <si>
    <t>Verlag und Druck der Stahel'schen K. Hof</t>
  </si>
  <si>
    <t>Statement of Responsibility: Dr W. Rontgen, Dimensions: 23 cm, Class Number: 616-073.75, priref: 27736</t>
  </si>
  <si>
    <t>42.90218,12.53172</t>
  </si>
  <si>
    <t>Dr. Wilhelm Conrad RÃ¶ntgen</t>
  </si>
  <si>
    <t>Points of Practice in Maladies of the Heart: Lumleian Lectures at the Royal College of Physicians of London</t>
  </si>
  <si>
    <t>Cornish Brothers</t>
  </si>
  <si>
    <t>Statement of Responsibility: by James Sawyer, Dimensions: 20 cm, Provenance: Autograph: Strugnell, W., Series: Lumleian lectures, Series Number: 1908, General Note: Includes bibliographic footnotes and index, which is paginated separately; Another copy shelved at Bedford D2/65-d-3., Citation Note: Evan Bedford library 332, Collection: Evan Bedford, Genre: Lectures, Class Number: C042, priref: 28544</t>
  </si>
  <si>
    <t>Sir James Sawyer</t>
  </si>
  <si>
    <t>Oratio anniversariaâ€¦ ex Harveai instituto, 1748 (Harveian Oration, 1748)</t>
  </si>
  <si>
    <t>MDCCXLVIII</t>
  </si>
  <si>
    <t>Dimensions: 30, 27 cm, Series: Harveian oration, Series Number: 1748, General Note: 21440-17: No.5 in a volume lettered 'Orationes Harveianae, 1744-74'; 21416-8: No.10 in a volume lettered, 'Orationes Harveianae, 1738-48', Class Number: C06.091.4, priref: 19005</t>
  </si>
  <si>
    <t>Thomas Lawrence</t>
  </si>
  <si>
    <t>A Plan of a Course of Chemical Lectures</t>
  </si>
  <si>
    <t>J. Bentham</t>
  </si>
  <si>
    <t>Publication Statement: 1729, Dimensions: 25 cm, Other Names: Guenault, Antoine Nicolas (Proponent); Gouel, Franciscus (Praeses), priref: 12816</t>
  </si>
  <si>
    <t>John Hadley</t>
  </si>
  <si>
    <t>Case of Fatal Poisoning by Sir William Burnett's Fluid</t>
  </si>
  <si>
    <t>C. and J. Adlard</t>
  </si>
  <si>
    <t>Illustrations: 1 map, Dimensions: 30 cm, Class Number: 616.932(548.1), priref: 17257</t>
  </si>
  <si>
    <t>Oratio anniversaria â€¦ Ex HarvÃ¦i instituto MDCCXLI (Harveian Oration, 1741)</t>
  </si>
  <si>
    <t>typis J. Bettenham</t>
  </si>
  <si>
    <t>Dimensions: 26, 23, 22, 30 cm, Series: Harveian oration, Series Number: 1741, General Note: 21396-11: No.24 in a volume lettered 'Orationes Harveianae, 1661-1743'; 21399-8: No.7 in a volume lettered 'Orationes Harveianae, 1697-1747'; 21402-4: No.8 in a volume lettered 'Orationes Harveianae, 1719-42'; 21416-7: No.3 in a volume lettered 'Orationes Harveianae, 1738-48', Class Number: C06.091.4, priref: 15826</t>
  </si>
  <si>
    <t>Robert Hopwood</t>
  </si>
  <si>
    <t>Quaestio medico an a systematis, medicina certior?</t>
  </si>
  <si>
    <t>16 Novembris 1724</t>
  </si>
  <si>
    <t>T. Quillau (typis)</t>
  </si>
  <si>
    <t>Dimensions: 25 cm, Other Names: Jussieu, Bernard de (Proponent); Le Thieullier, Louis Jean (Praeses), priref: 19041</t>
  </si>
  <si>
    <t>Disputatio inauguralis medica de aegra febre hectica laborante</t>
  </si>
  <si>
    <t>MDCLXXIIX</t>
  </si>
  <si>
    <t>Dimensions: 16 cm, Provenance: Autograph: Haslam, Samuel, Bibliographical Note: Wing E3155A.; One of the two issues of this book that were made in 1670., Other Names: Charleton, Walter (Translator), Class Number: C08 CHA, priref: 10229</t>
  </si>
  <si>
    <t>Penegyrin medicam â€¦ habendam indicit de nonnullorum venenorum in corpore humano effectibus praefatus. Pars ii</t>
  </si>
  <si>
    <t>Dimensions: 22 cms., priref: 27789</t>
  </si>
  <si>
    <t>Burkhard Wilhelm Seiler</t>
  </si>
  <si>
    <t>New Logarithmes: The First Inuention Whereof, Was, by the Honourable Lo. Iohn Nepair, Baron of Marchiston, and Printed at Edinburg in Scotland, Anno 1614, in Whose Vse Was and Is Required the Knowledge of Algebraicall Addition and Substraction, According to + and-: These Being Extracted from and out of Them (They Being First Ouer Seene, Corrected, and Amended) Require Not at All Any Skill in Algebra, or Cossike Numbers, but May Be Vsed by Euery One That Can Onely Adde and Substract</t>
  </si>
  <si>
    <t>J. Speidell</t>
  </si>
  <si>
    <t>Statement of Responsibility: by Iohn Speidell., Dimensions: 20 cm, Binding: Binding: SU, Bibliographical Note: S.T.C. 23063.; MS. notes in different hands at beginning and end, the latter entitled A Declaration of the use of the canon., Collection: Dorchester, priref: 39031</t>
  </si>
  <si>
    <t>John Nepair, John Speidell</t>
  </si>
  <si>
    <t>Thesaurus pauperum</t>
  </si>
  <si>
    <t>MDXXXI</t>
  </si>
  <si>
    <t>[B. di Bendoni]</t>
  </si>
  <si>
    <t>Statement of Responsibility: vervat in verscheide brieven, geschreven aaan sic de wyt-vermaarde Koninglijke Wetenschap-Zoekende Societeit, tot Londen in Engeland ; door Antoni van Leeuwenhoek..., Publication Statement: Ao. 1686, Illustrations: ill., plates (some fold.), Dimensions: 21 cm, Binding: Binding: Full calf, sprinkled, gilt-decorated panels, raised bands, and edges, Bibliographical Note: A compilation of 9 separate publications, containing letters 28-52, published 1684-86, by Boutesteyn or by Daniel van Gaesbeeck; Added engraved title page, dated 1685; Printer's device on title page; initials, head and tail-pieces; Leeuwenhoek was the greatest of the early microbiologists, and was responsible for many important discoveries. He published 165 letters in his lifetime, numbered in two separate series - the first numbered with arabic numerals, the second with roman. The first series began with No.28 and ran to No. 146; while the second series was consistently numbered I to XLVI. cf. Dobell, Anthony van Leeuwenhoek, 1932.; Copy: Binder's title, Leeuwenhoek's Werken, 1. Deel. Letters 28-47 marked with vellum thumb-tags, priref: 59402</t>
  </si>
  <si>
    <t>The Harveian Oration Delivered at the Royal College of Physicians, October 18th, 1886</t>
  </si>
  <si>
    <t>Publication Statement: 1881, Dimensions: 21 cm, Bibliographical Note: Rep.from Lancet. 26 Feb. and 5 March.1881., priref: 22915</t>
  </si>
  <si>
    <t>A Faithful Narrative of The... Affair between the Rev. Mr. J. S. and Mr. G. Baker,... [With] Account of the Proceedings against R. Thistlethwayte,... Of Wadham College</t>
  </si>
  <si>
    <t>Dimensions: 20 cms, priref: 29928</t>
  </si>
  <si>
    <t>John Swinton</t>
  </si>
  <si>
    <t>Report on the Visit to the Examination Held at Philadelphia by the National Board of Medical Examiners, May 19th-26th, 1920</t>
  </si>
  <si>
    <t>Printed by Taylor and Francis</t>
  </si>
  <si>
    <t>Corporate Author: Bodleian Library, Oxford, Publication Statement: Printed at the University Press by Horace Hart, M.A., printer to the university, Illustrations: illustrations, portraits, Dimensions: 31 cm, Binding Method: Hardback, General Note: Inscription - 'Presented by the Harveian Librarian, representative of the College at the Bodlean commemoration', Bibliographical Note: Bibliography, Class Number: 27, priref: 25992</t>
  </si>
  <si>
    <t>Sir Humphry Davy Rolleston, Sir Holburt Jacob Waring</t>
  </si>
  <si>
    <t>TheoricÃ¦ novÃ¦ planetarvm</t>
  </si>
  <si>
    <t>Loannes Lufft</t>
  </si>
  <si>
    <t>Publication Statement: 1569?, Dimensions: 17 cm, Collection: Dorchester, Other Names: Dorn, Gerhardt (Translator), priref: 39336</t>
  </si>
  <si>
    <t>Georgii Pvrbachii</t>
  </si>
  <si>
    <t>QuÃ¦stio medica an foetus extra uterum genitus, salva matre, possit excludi</t>
  </si>
  <si>
    <t>25 Februarii, 1727</t>
  </si>
  <si>
    <t>February 25, 1727</t>
  </si>
  <si>
    <t>Dimensions: 20 cm, Bibliographical Note: This is a photocopy., Class Number: C08 DIC, priref: 9088</t>
  </si>
  <si>
    <t>L'architecture militaire ou Las Angles fortification nouvelle: augmentÃ©e et enrichie de forteresses regulieres, irregulieres, et de dehors; le tout a Las Angles practique moderne</t>
  </si>
  <si>
    <t>Chez les Elzeviers</t>
  </si>
  <si>
    <t>Statement of Responsibility: par Adam Fritach mathematicien, Illustrations: ill. (plate), Dimensions: 32 cm (fol.), Provenance: Autograph on first original fly-leaf recto: Tingle Brocaille; Annotation on title-page: 'A7' Former shelfmark?, Bibliographical Note: Engraved t.p; Plate Gg signed: W:Hond: fec:; Includes vocabulary in French, German, Flemish and Latin., Collection: Dorchester, Genre: Annotations; Autographs, priref: 36968</t>
  </si>
  <si>
    <t>Adam Fritach</t>
  </si>
  <si>
    <t>PharmacopÅ“ia Collegii Regalis Medicorum Londinensis</t>
  </si>
  <si>
    <t>Dimensions: 22 cm, Bibliographical Note: Bound with, Bancroft, Edward Nathaniel, 'An Exposure ... of various misrepresentations', 1808., Class Number: 355.72, priref: 17586</t>
  </si>
  <si>
    <t>The Harveian Oration, Delivered before the Royal College of Physicians, London, June 27th, 1846</t>
  </si>
  <si>
    <t>MDCCCXLVI</t>
  </si>
  <si>
    <t>H. BailliÃ¨re</t>
  </si>
  <si>
    <t>Statement of Responsibility: by John Elliotson ; with an English version and notes, Dimensions: 22 cm, Provenance: Autograph: Elliotson, John, Series: Harveian oration, Series Number: 1846, General Note: Text in Latin and English., Genre: Lectures, Other Names: Elliotson, John, 1791-1868 (Inscriber), Class Number: C06.091.4, priref: 10224</t>
  </si>
  <si>
    <t>John Elliotson</t>
  </si>
  <si>
    <t>Modvs examinandÃ¦ constrvctionis in oratione</t>
  </si>
  <si>
    <t>Johanne Pellissone</t>
  </si>
  <si>
    <t>D. m. i. de chorea S. Viti</t>
  </si>
  <si>
    <t>Publication Statement: 1682, Dimensions: 20cms, Bibliographical Note: Dissertation. G.W.Wedel praeses., priref: 26597</t>
  </si>
  <si>
    <t>Gottlieb Profius</t>
  </si>
  <si>
    <t>Arabian Medicine: Being the Fitzpatrick Lectures Delivered at the College of Physicians in November 1919 and November 1920</t>
  </si>
  <si>
    <t>Statement of Responsibility: by Edward G. Browne, Illustrations: illustration, Dimensions: 23 cm, Binding Method: Hardback, Provenance: Donated by Edward G. Browne, Series: FitzPatrick lectures, Genre: Lectures, Other Names: Browne, Edward Granville (Donor), Class Number: C042, priref: 4973</t>
  </si>
  <si>
    <t>Edward Granville Browne</t>
  </si>
  <si>
    <t>Modern Aspects of Heart Disease</t>
  </si>
  <si>
    <t>March 17, 24, and 31, 1917</t>
  </si>
  <si>
    <t>Statement of Responsibility: by Ronald Ross, Dimensions: 26 cm, General Note: These fables were written in India between the years 1880 and 1890.""; Privately printed edition limited to 250 copies."", Collection: UK Medical Heritage Library, Class Number: 820-1, Websites: &lt;a href=http://wellcomelibrary.org/player/b28036815""&gt;View online via the Wellcome Library&lt;/a&gt;; &lt;a href=""https://archive.org/details/rcplondon?&amp;and=b28036815""&gt;View online via the Internet Archive&lt;/a&gt;; &lt;a href=""https://ukmhl.historicaltexts.jisc.ac.uk/ukmhl-b28036815""&gt;View online via Jisc Historical Texts&lt;/a&gt;"", priref: 30869</t>
  </si>
  <si>
    <t>George Alexander Sutherland</t>
  </si>
  <si>
    <t>Dissertatio inauguralis medica de terreorum natura, usu, et abusu</t>
  </si>
  <si>
    <t>Octobr. MDCXCVII</t>
  </si>
  <si>
    <t>October, 1697</t>
  </si>
  <si>
    <t>Publication Statement: 1697, Dimensions: 23cms, Bibliographical Note: Dissertation. G.W.Wedel praeses., priref: 29523</t>
  </si>
  <si>
    <t>Johann Georg Siber</t>
  </si>
  <si>
    <t>Arznei-Taxe zur Ã¶sterreichischen PharmakopÃ¶e vom Jahre 1855</t>
  </si>
  <si>
    <t>K.-K. Hof- und Staatsdruckerei</t>
  </si>
  <si>
    <t>Statement of Responsibility: by Francis E. Anstie, Dimensions: 23 cm, Provenance: Autograph: Anstie, Francis Edmund, Bibliographical Note: Includes bibliographical footnotes and index., Other Names: Anstie, Francis Edmund, 1833-1874 (Inscriber), Class Number: 616.833-009.7, priref: 1734</t>
  </si>
  <si>
    <t>Astrologiae judiciariae ysagogica et totius divinatricis artis encomia: cum nonnullis Habrahami Iudei &amp; Luce Gaurici dictis</t>
  </si>
  <si>
    <t>Statement of Responsibility: autore Ioanne Taisnier Hannonio, utriusque iuris doctore poeta laureato mathematico in lucem aedita. In epistola dedicatoria quatuor mathematicae quantitates cum earum laudibus &amp; utilitate notantur, Publication Statement: Coloniae : apud Arnoldum Birckmannum, anno 1559, Illustrations: woodcut illustrations, Dimensions: 15 cm (8v), Binding: Twentieth-century marbled paper over cloth., Provenance: Copy 7165: Roberts and Watson note that 'the original signature Joannes Dee 1559"" has been altered to read ""Nich. Saunder 1589""'."", General Note: Copy 7165: Dorchester No. D40/14, Citation Note: Copy 7165: Roberts and Watson, 1137, Exhibition Note: Scholar, courtier, magician : the lost library of John Dee, Collection: John Dee; Dorchester, Genre: Woodcut illustrations, Other Names: Dee, John, 1527-1608 (Former owner); Dorchester, Henry Pierrepont, Marquis of, 1606-1680 (Donor); Saunder, Nicholas, 1563-1649 (Former owner), priref: 41120</t>
  </si>
  <si>
    <t>Jean Taisnier, Luca Gaurico</t>
  </si>
  <si>
    <t>Annual Vaccination Report of the Province of Assam for the Year 1918-19 with Brief Explanatory Notes</t>
  </si>
  <si>
    <t>Government Printing Office, Shillong</t>
  </si>
  <si>
    <t>Dimensions: 27 cm, Binding Method: Paperback, Provenance: Donated by the Osler Club, Other Names: Osler Club of London (Donor); Robinson, William Duffield (Chairman), Class Number: 92 KEE</t>
  </si>
  <si>
    <t>25.5787726,91.8932535</t>
  </si>
  <si>
    <t>Thomas Charles McCombie Young</t>
  </si>
  <si>
    <t>Contributions to Legal Medicine Being Notes of Trials at Glasgow Autumn Circuit, 1851; with Cursory Remarks</t>
  </si>
  <si>
    <t>Statement of Responsibility: by J. A. Easton, Publication Statement: MDCCCLI, Dimensions: 22 cm, Provenance: Ms. signature: First line cropped - the respects of the writer., General Note: Bound in volume lettered Medico-legal tracts, 4.; T.p. verso: 'From the monthly journal of medical science, for October 1851., Bibliographical Note: Bibliographical references., Class Number: 340.6, priref: 9737</t>
  </si>
  <si>
    <t>H. Mvlleri (typis)</t>
  </si>
  <si>
    <t>Corporate Author: Smallpox and Inoculation Hospital, Publication Statement: printed by S. Clark, Illustrations: illus., Dimensions: 21 cm, Citation Note: ESTC N13092, Collection: UK Medical Heritage Library, Websites: &lt;a href=http://wellcomelibrary.org/player/b28407611""&gt;View online via the Wellcome Library&lt;/a&gt;; &lt;a href=""https://archive.org/details/rcplondon?&amp;and=b28407611""&gt;View online via the Internet Archive&lt;/a&gt;; &lt;a href=""https://ukmhl.historicaltexts.jisc.ac.uk/ukmhl-b28407611""&gt;View online via Jisc Historical Texts&lt;/a&gt;"", priref: 29651</t>
  </si>
  <si>
    <t>Engravings of the Bones, Muscles, and Joints Illustrating the First Volume of the Anatomy of the Human Body</t>
  </si>
  <si>
    <t>Longman, Hurst, Rees, and Orme; Cadell &amp; Davies; Bryer, Henry</t>
  </si>
  <si>
    <t>Statement of Responsibility: Ante quidem per partes, nunc autem, post cognitas omnium objectiones, conjunctim &amp; accuratius edita, Illustrations: ill. (diagrs, frontis. (port.)), Dimensions: 21 cm., Bibliographical Note: Wing (2nd ed.), H2252A; ESTC, R178061; Each part has divisional half-title and separate pagination and register; Tail-pieces, initials, marginal notes; Contents: V.1: 3. Elementorum philosophiae sectio prima de corpore. - 4. Elementorum philosophiae sectio secunda de homine. - 5. Elementorum philosophiae sectio tertia de cive. - V2. 2. Examinatio et emendatio mathematicae hodiernae, qualis explicatur in libris Johannis Wallisii Geometriae Professoris Saviliani in Academia Oxoniensi. Distributa in sex dialogos. - 6. Dialogus physicus de natura aeris conjectura sumpta ab experimentis nuper Londini habitis in Collegio Greshamensi. Item De duplicatione cubi. - 1. Problemata physica. - 7. De principiis et ratiocinatione geometrarum, ubi ostenditur incertitudinem falsitatemque non minorem inesse scriptis eorum, quam scriptis physicorum &amp; ethicorum, contra fastum professorum geometriae. - 8. Leviathan, sive De materia, forma, &amp; potestate civitatis ecclesiasticae et civilis.; Text in Latin with quotations and examples in Greek and French; Also exists in an issue without the London imprint; Copy: Misbound as per contents, but with main title page and portrait at front King's College London copy matches vol. 1, possibly in the issue without the London imprint., Collection: Dorchester, priref: 59774</t>
  </si>
  <si>
    <t>Art. I. Crime, Education and Insanity</t>
  </si>
  <si>
    <t>APRIL 1, 1852</t>
  </si>
  <si>
    <t>April 1, 1852</t>
  </si>
  <si>
    <t>Statement of Responsibility: By Thomas Beggs Gilpin., Dimensions: 22 cm, General Note: First 2 pages have table of contents and advertising.; An extract from the 'Journal of Psychological Medicine', April 1st, 1852.; Bound in volume lettered Medico-legal tracts, 6., Class Number: 340.6, priref: 7773</t>
  </si>
  <si>
    <t>Thomas Beggs Gilpin</t>
  </si>
  <si>
    <t>A Catalogve of Such Popish Physicians in and about the City of London, as the Author Either Knoweth, or by Good Information Heareth of</t>
  </si>
  <si>
    <t>[R. Milborne]</t>
  </si>
  <si>
    <t>Statement of Responsibility: Edward Wilmot, Dimensions: 25, 26, 27, 30 cm, Binding Method: Hardback, Series: Harveian oration, Series Number: 1735, General Note: 21396-18: No. 19 in a volume lettered 'Orationes Harvaeianae, 1661-1743'; 21452-4: No. 4 in a volume lettered 'Orationes Harvaeianae, 1724-37'; 21408-3: No. 4 in a volume lettered 'Orationes Harvaeianae, 1731-7', Genre: Addresses, Class Number: C06.091.4, priref: 34370</t>
  </si>
  <si>
    <t>John Gee</t>
  </si>
  <si>
    <t>Geographia generalis, in qua affectiones generales Telluris explicantur. Adjecta est appendix praecipua recentiorum inventa ad spectantia continens, a J. Jurin</t>
  </si>
  <si>
    <t>MDCCXII</t>
  </si>
  <si>
    <t>imp. C. Crownfield</t>
  </si>
  <si>
    <t>Illustrations: Illustrations, Dimensions: 20cm, Binding Method: Hardback, Class Number: C08 JUR, priref: 32377</t>
  </si>
  <si>
    <t>Bernardus Varenius, James Jurin</t>
  </si>
  <si>
    <t>Discours prononce Par M. Le Professeur BÃ©rard, Dans La SÃ©ance Publique De La FacultÃ© De MÃ©decine De Paris, Du 3 Novembre 1847</t>
  </si>
  <si>
    <t>Dimensions: 22cms, priref: 1575</t>
  </si>
  <si>
    <t>Pierre Honore Marie BÃ©rard</t>
  </si>
  <si>
    <t>An Enquiry into the Structure of the Human Body Relative to Its Supposed Influence on the Morals of Mankind</t>
  </si>
  <si>
    <t>MDCCLXIV</t>
  </si>
  <si>
    <t>Dimensions: 22 cm, priref: 6530</t>
  </si>
  <si>
    <t>Charles Collignon</t>
  </si>
  <si>
    <t>Some Observations on the Principles Which Insure the Most Beneficial Exercise of the Medical Professionâ€¦ Illustrated by the State of That Profession in the City of Worcester during the Last Twenty Years</t>
  </si>
  <si>
    <t>Wm. Walcott</t>
  </si>
  <si>
    <t>Statement of Responsibility: Par M. Orfila. Planches., Illustrations: plates (some col.), Dimensions: 22 cm, Provenance: Former owner: Alfred S. Taylor, Bibliographical Note: Atlas of plates only; Bound in Medico-legal tracts, 27., Class Number: 340.6, priref: 24306</t>
  </si>
  <si>
    <t>Alexander Philip Wilson Philip</t>
  </si>
  <si>
    <t>The Harveian Oration: delivered at the Royal College of Physicians, October 18th, 1887</t>
  </si>
  <si>
    <t>Statement of Responsibility: by W.H. Stone, Publication Statement: printed for the author at the Offices of the British Medical Association 1887, Dimensions: 22 cm, Binding Method: Hardback, Series: Harveian oration, Series Number: 1887, General Note: On Harvey's lectures of 1616; One copy Tr.324(10) and Tr.294(2), Genre: Lectures, Class Number: C06.091.4, priref: 31004</t>
  </si>
  <si>
    <t>William Henry Stone</t>
  </si>
  <si>
    <t>Cholera, or Orotra: An Essay on the Use of the Liquor PotassÃ¦ and Liquor Alkalinus in the Treatment of Malignant Cholera</t>
  </si>
  <si>
    <t>Printed for Whittaker &amp; Co.</t>
  </si>
  <si>
    <t>Statement of Responsibility: by W. Lawrence ; 'in a series of letters addressed to that gentleman; with a concluding letter to his pupils, by one of the people called Christians', Corporate Author: Royal College of Surgeons of England, Publication Statement: Printed for T. Cadell and W. Davies, Strand, Dimensions: 22 cm, General Note: 'One of the people called Christians' is Edward William Grinfield., Collection: UK Medical Heritage Library, Websites: &lt;a href=http://wellcomelibrary.org/player/b28519723""&gt;View online via the Wellcome Library&lt;/a&gt;; &lt;a href=""https://archive.org/details/rcplondon?&amp;and=b28519723""&gt;View online via the Internet Archive&lt;/a&gt;; &lt;a href=""https://ukmhl.historicaltexts.jisc.ac.uk/ukmhl-b28519723""&gt;View online via Jisc Historical Texts&lt;/a&gt;"", priref: 8072</t>
  </si>
  <si>
    <t>Henry Wilkinson Dodd</t>
  </si>
  <si>
    <t>D. physico-medica i. de caloris, salubris, &amp; aegri natura, &amp; moderamine</t>
  </si>
  <si>
    <t>M. DCC. VII</t>
  </si>
  <si>
    <t>Dimensions: 20cms., priref: 25776</t>
  </si>
  <si>
    <t>Johann Francis Pancrats</t>
  </si>
  <si>
    <t>Oratio â€¦ ex Harvaei instituto, 1746 (Harveian Oration, 1746)</t>
  </si>
  <si>
    <t>Dimensions: 23, 30, 27 cm, Series: Harveian oration, Series Number: 1746, General Note: 21399-4: No.12 in a volume lettered 'Orationes Harveianae, 1697-1747'; 21440-13: No.3 in a volume lettered 'Orationes Harveianae, 1744-74'; 21416-4: No.8 in a volume lettered, 'Orationes Harveianae, 1738-48', Class Number: C06.091.4, priref: 13674</t>
  </si>
  <si>
    <t>William Battie</t>
  </si>
  <si>
    <t>Militaris ordinis Iohannitarvm, Rhodiorvm â€¦ rervm memorabilivm â€¦ a' sexcentis ferÃ© annis pro republica Christiana â€¦ gestarum, ad prÃ¦sentem vs â€¦ 1581 annum, historia noua â€¦</t>
  </si>
  <si>
    <t>MDLXXXI</t>
  </si>
  <si>
    <t>Illustrations: ill., Dimensions: 33 cm, Provenance: Association: Farre, Arthur; *Autograph: Owen, Richard (Sir), Bibliographical Note: Includes bibliographical references., Collection: UK Medical Heritage Library, Other Names: Farre, Arthur, 1811-1887 (Associated name); Owen, Richard, 1804-1892 (Inscriber), Class Number: 59, Websites: &lt;a href=https://archive.org/details/rcplondon?&amp;and=b24991375""&gt;View online via the Internet Archive&lt;/a&gt;; &lt;a href=""http://wellcomelibrary.org/player/b24991375""&gt;View online via the Wellcome Library&lt;/a&gt;; &lt;a href=""https://ukmhl.historicaltexts.jisc.ac.uk/ukmhl-b24991375""&gt;View online via Jisc Historical Texts&lt;/a&gt;"", priref: 24866</t>
  </si>
  <si>
    <t>Henrico Pantaleone</t>
  </si>
  <si>
    <t>Oratio Harveiana, in honorem medicinÃ¦, inque memoriam eorum, qui de Collegio Regali Medicorum Londinensi bene meriti sunt, ex instituto celeberrimi viri Gulielmi Harveii, habita in theatro collegii, die Octobris XVIIIvo A. D. MDCCCIX (Harveian Oration, 1809)</t>
  </si>
  <si>
    <t>T. Payne</t>
  </si>
  <si>
    <t>Biographical Memoir of Dr John Harness</t>
  </si>
  <si>
    <t>Statement of Responsibility: S. Jenkinson, Dimensions: 25 cm, Provenance: Donated by R. A. Hunter, General Note: Photocopy, Genre: Biographies, Other Names: Hunter, Richard Alfred (Donor), Class Number: 92 HAR, priref: 200003109</t>
  </si>
  <si>
    <t>S Jenkinson</t>
  </si>
  <si>
    <t>D. m. i. de rheumatismo</t>
  </si>
  <si>
    <t>Dimensions: 19cms, Bibliographical Note: Wing S4598., priref: 30108</t>
  </si>
  <si>
    <t>Richard Townsend</t>
  </si>
  <si>
    <t>Observations on the Comparative Mortality of Paris and London</t>
  </si>
  <si>
    <t>Printed by D. N. Shury</t>
  </si>
  <si>
    <t>Dimensions: 22 cm, Bibliographical Note: From the, 'London medical Repository', 1st December, 1815, priref: 5414</t>
  </si>
  <si>
    <t>George Man Burrows</t>
  </si>
  <si>
    <t>The Medical Examiner and Record of Medical Science: New Series, No. 36, December 1847</t>
  </si>
  <si>
    <t>Statement of Responsibility: University of London, Corporate Author: University of London, Publication Statement: Sold by Richard and John E. Taylor, printers to the University of London, Dimensions: 24 cm, Collection: UK Medical Heritage Library, Websites: &lt;a href=http://wellcomelibrary.org/player/b28040247""&gt;View online via the Wellcome Library&lt;/a&gt;; &lt;a href=""https://archive.org/details/rcplondon?&amp;and=b28040247""&gt;View online via the Internet Archive&lt;/a&gt;; &lt;a href=""https://ukmhl.historicaltexts.jisc.ac.uk/ukmhl-b28040247""&gt;View online via Jisc Historical Texts&lt;/a&gt;"", priref: 60455</t>
  </si>
  <si>
    <t>Six Cases of Lead Poisoning, the Quantity of Lead Absorbed Being Excessively Minute, and Entering in an Unusual Form</t>
  </si>
  <si>
    <t>Physician to the Northern Hospital</t>
  </si>
  <si>
    <t>Statement of Responsibility: By T. Inman., Publication Statement: 1855?, Dimensions: 22 cm, Bibliographical Note: Extracted from unknown source; Catalogued from head of text; One copy bound in volume lettered Medico-legal tracts, 7., priref: 60478</t>
  </si>
  <si>
    <t>Thomas Inman</t>
  </si>
  <si>
    <t>A Nice Cut for the Demolisher: Or, Dr Slare's Experiments and Observations upon the Bezoar, &amp;c. Rip'd up. Being a Vindication of Dr. Radclife and Dr. M---D from the Charge of Having Made an Exorbitant Gain and Use of Gascoin Powder, [By L. Wâ€¦ L]</t>
  </si>
  <si>
    <t>J. Morphew</t>
  </si>
  <si>
    <t>Statement of Responsibility: Wlater Lynn, Dimensions: 19 cm, Class Number: 615.2, priref: 27813</t>
  </si>
  <si>
    <t>Walter Lynn</t>
  </si>
  <si>
    <t>Address to the Fellows, Royal College of Physicians, 1870</t>
  </si>
  <si>
    <t>11th April, 1870</t>
  </si>
  <si>
    <t>April 11, 1870</t>
  </si>
  <si>
    <t>Illustrations: Illus., Dimensions: 31cms, priref: 1693</t>
  </si>
  <si>
    <t>Extracts from Reviews and Notices of Works Written and Published by William Murrell</t>
  </si>
  <si>
    <t>Printed by Pettitt and Cox</t>
  </si>
  <si>
    <t>Statement of Responsibility: by William Murrell, Dimensions: 21 cm, General Note: Contains letter (? facsimile) from William Murrell to H. Allen., Genre: Biographies, Class Number: 92 MUR, priref: 23448</t>
  </si>
  <si>
    <t>William Murrell</t>
  </si>
  <si>
    <t>Syllabus of a Course of Lectures on Structural Anatomy and Physiology: Guy's Hospital Medical School, Session 1850-51</t>
  </si>
  <si>
    <t>Printed by Ash and Flint</t>
  </si>
  <si>
    <t>Publication Statement: 1832, Dimensions: 22 cm, priref: 11427</t>
  </si>
  <si>
    <t>Hieronymi Osorii Lusitani, Siluensis in Algarbiis episcopi; De rebus; Emmanuelis regis Lusitaniae inuictissimi virtute et auspicio, annis sex, ac viginti, domi forisq; [ue] gestis; libri duodecim. Quibus; potissimÃ¹m ea, quae in Africa &amp; India bella confecit, explicantur. Adiectus estrerum, ac verborum, index</t>
  </si>
  <si>
    <t>MDLXXIV</t>
  </si>
  <si>
    <t>Publication Statement: Coloniae Agrippinae : apud haeredes Arnoldi Birckmanni, M. D. LXXIV., Dimensions: 17 cm, Binding: 16th century vellum binding on four leather supports, manuscript waste lining spine, sewn headbands., Provenance: Copy number 9961: Roberts and Watson note that it has no mark of ownership, Series: but has scattered Dee notes throughout, Series Number: e.g. 'Nota hanc steganographiam' (fol. 121) and one on Prester John (fol. 302)"".; Copy number 9961: former shelf mark on spine and upper flyleaf (partially obscured): 'Y-67'."", Citation Note: Dedicatory epistle (leaves 2-15, 1st count) by Jean Matal.; Printer's device on title page.; Copy number 9961: Dorchester number D139/10, Exhibition Note: Latin, Genre: 14th Century; 15th Century; 16th Century, Other Names: Portugal, Class Number: Vellum bindings; Manuscript waste; Headbands; Shelf marks; Printers' devices; Annotations, Continues: Dee, John, 1527-1608 (Former owner); Dorchester, Henry Pierrepont, Marquis of, 1606-1680 (Donor); Matal, Jean, 1520-1597 (Dedicator), Parent: 39253</t>
  </si>
  <si>
    <t>JerÃ³nimo OsÃ³rio</t>
  </si>
  <si>
    <t>Villare Cantianum: or Kent Surveyed and Illustratedâ€¦ to Which Is Added an Historical Catalogue of the High-Sheriffs of Kent^</t>
  </si>
  <si>
    <t>Printed by Godbid, William</t>
  </si>
  <si>
    <t>Statement of Responsibility: collected by John Philipott, Illustrations: ill., map., Dimensions: 29 cm, Bibliographical Note: Wing P1989.; MS notes and Index, Class Number: 942.23, priref: 25748</t>
  </si>
  <si>
    <t>Thomas Philipott, John Philipott</t>
  </si>
  <si>
    <t>The Charter, Bye-Laws &amp; Regulations, and the Acts of Parliament Especially Relating Thereto</t>
  </si>
  <si>
    <t>Harrison and Sons</t>
  </si>
  <si>
    <t>Corporate Author: Royal College of Physicians of London, Dimensions: 32 cm, General Note: 22043: Begins from page 41, includes amendments, interleaved, on large paper; 33617 and 35956: Lettered 'the College', on large paper, Genre: Interleaved books, Class Number: C340.3, priref: 17079</t>
  </si>
  <si>
    <t>Questio de modalibus bassani politi. Tractatus proportÃ­onÃºm introductorius ad calculatÃ­Ã³nes fuisset [Bassani politi]. Tractatus proportionÃºm thome barduardini. Tractatus proportionum nicholai oren. Tractatus de latitudinibus formarum eiusdem nicholai. Tractatus de latitudinibus formarum blasij de parma. Auctor sex inconuenientium</t>
  </si>
  <si>
    <t>mandato &amp; sumptibus heredum â€¦ Octauiani Scoti ciuis Modoetientis per Bonetum Locatellum Bergomensem presbyterum</t>
  </si>
  <si>
    <t>Publication Statement: Kalendis Septembribus 1 IX 1505, Illustrations: ill. (woodcuts), Dimensions: 29 cm, Provenance: Annotations on front flyleaf verso: contents?; Annotation on title page: 'A.3, 24'; Annotation on title page: Former shelfmark: i underlined, Bibliographical Note: Printed in gothic letter; Engraved initials; marginal notes; Imprint in colophon with printer's device; Last leaf, verso: 'Questio Iohannis de Casali de velocitate motus alterationis. Questio blasii de Parma de tactu corporum durorum'; MS notes in one hand (2nd half of XVI c.?) throughout book. Sometimes adding information as author or running titles., Collection: Dorchester, Genre: Annotations, Images: CN 7976 - Questio de modalibus_Politus, 1505.JPG, priref: 39638</t>
  </si>
  <si>
    <t>Bassanus Politus</t>
  </si>
  <si>
    <t>Letter to Dr. A. Duncan, Jun. [With Other Letters] on the Ardent Fever... At Guadaloupe, Gibraltar, and Plymouth</t>
  </si>
  <si>
    <t>Dimensions: 21 cm, priref: 5582</t>
  </si>
  <si>
    <t>Dr. Thomas Cochrane, Dr. John Harness, Mr. H. W. Parson, Dr. William Burnett</t>
  </si>
  <si>
    <t>The Papers Set for the Examinations for the Diploma in Public Health of the Royal College of Physicians of London and the Royal College of Surgeons of England during the Year 1910</t>
  </si>
  <si>
    <t>Observations on the Preparation of Soporific Medicines from Garden Lettuce, the Lactuca Sativa of LinnÃ¦us</t>
  </si>
  <si>
    <t>Statement of Responsibility: par le meme auteur et par C. Morren, Illustrations: port., Dimensions: 26 cm, Bibliographical Note: Bibliography., Collection: UK Medical Heritage Library, Genre: Biographies, Other Names: LinneÌ, Carl von, 1707-1778, Class Number: 92 DOD, Websites: &lt;a href=http://wellcomelibrary.org/player/b28034673""&gt;View online via the Wellcome Library&lt;/a&gt;; &lt;a href=""https://archive.org/details/rcplondon?&amp;and=b28034673""&gt;View online via the Internet Archive&lt;/a&gt;; &lt;a href=""https://ukmhl.historicaltexts.jisc.ac.uk/ukmhl-b28034673""&gt;View online via Jisc Historical Texts&lt;/a&gt;"", priref: 8425</t>
  </si>
  <si>
    <t>Microscopical Examination of an Early Corpus Luteum</t>
  </si>
  <si>
    <t>Statement of Responsibility: by T. Wharton Jones ... (for the London gazette), Publication Statement: 1844, Dimensions: 22 cm, General Note: Catalogued from head of text; imprint from colophon.; Bound in volume lettered: 'Medico-legal tracts', 4., Class Number: 340.6, priref: 17245</t>
  </si>
  <si>
    <t>Thomas Wharton Jones</t>
  </si>
  <si>
    <t>The Art of Cookery, in Imitation of Horace's Art of Poetry. With Some Letters to Dr. Lister and Others Occasion'd Byâ€¦ a Book Publish'd by the Doctor, Being the Works of Apicius CÅ“liusâ€¦</t>
  </si>
  <si>
    <t>B. Lintott</t>
  </si>
  <si>
    <t>Statement of Responsibility: M. S., Publication Statement: M.DCC.XLIV, Dimensions: 22 cm, Class Number: 615.11(42), priref: 17496</t>
  </si>
  <si>
    <t>William King</t>
  </si>
  <si>
    <t>Fourteenth Annual Report of the London Mesmeric Infirmary, 36 Weymouth Street, Portland Place. July, 1863</t>
  </si>
  <si>
    <t>Propempticon inaugurale de philosophia Hippocratis, [cum vita candidati J. Kober]</t>
  </si>
  <si>
    <t>MDCCIV</t>
  </si>
  <si>
    <t>Statement of Responsibility: translated into Canarese by S. Arokeum Pillay, Publication Statement: Bangalore : Albion Press, 1874, Illustrations: ill., Dimensions: 21 cm, General Note: English and Canares on opposite pages, Collection: UK Medical Heritage Library, Other Names: Pillay, S. Arokeum (Translator), Class Number: 618.2(02)'18', Websites: &lt;a href=http://wellcomelibrary.org/player/b28034570""&gt;View online via the Wellcome Library&lt;/a&gt;; &lt;a href=""https://archive.org/details/rcplondon?&amp;and=b28034570""&gt;View online via the Internet Archive&lt;/a&gt;; &lt;a href=""https://ukmhl.historicaltexts.jisc.ac.uk/ukmhl-b28034570""&gt;View online via Jisc Historical Texts&lt;/a&gt;"", priref: 7252</t>
  </si>
  <si>
    <t>Joachimus Coberus</t>
  </si>
  <si>
    <t>A Satyr against Wit [Anonymous]</t>
  </si>
  <si>
    <t>Crouch, Samuel</t>
  </si>
  <si>
    <t>Dimensions: 32 cm, Binding Method: Hardback, Citation Note: Wing B 3086, Class Number: C08, priref: 3675</t>
  </si>
  <si>
    <t>Il Boa di Plinio: congettura sulla storia della vaccinazione</t>
  </si>
  <si>
    <t>MDCCCXXVI</t>
  </si>
  <si>
    <t>Statement of Responsibility: by W.R. Pugh., Publication Statement: Printed at the Launceston Examiner Office, Dimensions: 22 cm, General Note: Bound in volume lettered: Medico-legal tracts, 4., Class Number: 340.6, priref: 25020</t>
  </si>
  <si>
    <t>Tommaso Prela</t>
  </si>
  <si>
    <t>A Narrative of Certain Particular Facts Which Have Been Misrepresented: Relative to the Conduct of Mr. Bromfeild [Sic] toward Mr. Aylettâ€¦ during Their Attendance on Mr. Benwell at Eton, with a Letter to Mr. Benwell, and That Gentleman's Answer</t>
  </si>
  <si>
    <t>Publication Statement: 1710, Dimensions: 21 cm, Other Names: Albrecht, Jacob Hermann (Respondent); Bohn, Johannes, 1640-1718 (Praeses), priref: 4101</t>
  </si>
  <si>
    <t>William Bromfield</t>
  </si>
  <si>
    <t>Directions to Prevent the Contagion of the Jail-Distemper, Commonly Called the Jail-Fever</t>
  </si>
  <si>
    <t>Dimensions: 21 cm, priref: 8964</t>
  </si>
  <si>
    <t>On the Anatomy of Forbesia</t>
  </si>
  <si>
    <t>Statement of Responsibility: by A. Freake, Publication Statement: printed by T. Curson Hansard, Peterborough Court, Fleet Street, Dimensions: 21 cm, priref: 11403</t>
  </si>
  <si>
    <t>Henry D.S. Goodsir</t>
  </si>
  <si>
    <t>D. anatomica de ossibus in genere</t>
  </si>
  <si>
    <t>Dimensions: 23cms, Bibliographical Note: Dissertation. M.Sennert praeses., priref: 28789</t>
  </si>
  <si>
    <t>Paul Scheuban</t>
  </si>
  <si>
    <t>Claremont: Address'd to the Right Honourable the Earl of Clare</t>
  </si>
  <si>
    <t>Dimensions: 37 cm, Binding Method: Hardback, Provenance: Autograph: Garth, Samuel (Sir), Class Number: C08, priref: 11778</t>
  </si>
  <si>
    <t>Notice sur l'Ã©pidÃ©mie du cholÃ©ra-morbus indien qui a rÃ©gnÃ© dans les ports mÃ©ridionaux de La Angles MÃ©diterranÃ©e et dans toute La Angles Provence, 1835</t>
  </si>
  <si>
    <t>Corporate Author: Royal College of Physicians of London, Publication Statement: 1829-1841, Dimensions: 21 cm, Collection: UK Medical Heritage Library, Class Number: C92.058, Continued by: A list of the fellows, members, extra-licentiates and licentiates of the Royal College of Physicians of London, 1859-1986, Websites: &lt;a href=https://archive.org/details/rcplondon?&amp;and=b24990759""&gt;View online via the Internet Archive&lt;/a&gt;; &lt;a href=""http://wellcomelibrary.org/player/b24990759""&gt;View online via the Wellcome Library&lt;/a&gt;; &lt;a href=""https://ukmhl.historicaltexts.jisc.ac.uk/ukmhl-b24990759""&gt;View online via Jisc Historical Texts&lt;/a&gt;"", priref: 17154</t>
  </si>
  <si>
    <t>Dominique Jean Larrey</t>
  </si>
  <si>
    <t>The Croonian Lectures on Plague</t>
  </si>
  <si>
    <t>June 29th, July 13th, 20th, and 27th, 1907</t>
  </si>
  <si>
    <t>June 29-July 27, 1907</t>
  </si>
  <si>
    <t>Dimensions: 22 cm, Provenance: Autograph*: Simpson, W.J.R., Series: Croonian lectures, Series Number: 1907, General Note: Lancet published 29 June, 13, 20, 27 July 1907, Genre: Lectures, Class Number: C042, priref: 200005407</t>
  </si>
  <si>
    <t>Sir W. J. R. Simpson</t>
  </si>
  <si>
    <t>Valedictory Lecture: Delivered at St Mary's Hospital, May 29th 1907</t>
  </si>
  <si>
    <t>May 29th, 1907</t>
  </si>
  <si>
    <t>Morton &amp; Burt</t>
  </si>
  <si>
    <t>Statement of Responsibility: by D. B. Lees ..., Publication Statement: Morton &amp; Burt, Ltd., printers, 187 Edgware Roadm W., 1907, Dimensions: 16 cm, Binding: Stapled pamphlet, Provenance: On title page: inscribed 'With Kind regards', presumably a gift from the author to Sir Arthur Keith; On title page: inscribed '24.vii.1907 Medicine' in pencil; On title page: inscribed 'Box VII 1.Ia' in pencil; Foliated throughout in pencil; On title page: inscribed 'Lees, D.B.' in ink; De-accessioned from the archives of the Royal College of Surgeons (MS0018, former ref. Box VII 1.Ia, from the papers of Sir Arthur Keith), May 2014, General Note: Imprint from last page; Date of publication conjectured based on date of lecture, Genre: Lectures; Shelf marks, Other Names: Keith, Arthur, Sir, 1866-1955 (Former owner); Royal College of Surgeons of England (Donor)</t>
  </si>
  <si>
    <t>David Bridge Lees</t>
  </si>
  <si>
    <t>Galeni de arte curativa ad Glauconem libri duo</t>
  </si>
  <si>
    <t>Stagnino, Bernardino</t>
  </si>
  <si>
    <t>The Influence of Alcohol and Other Drugs on Fatigue: the Croonian Lectures Delivered at the Royal College of Physicians in 1906</t>
  </si>
  <si>
    <t>Edward Arnold</t>
  </si>
  <si>
    <t>Statement of Responsibility: by W.H.R. Rivers, Corporate Author: Royal College of Physicians of London, Dimensions: 25 cm, Series: Croonian lectures, Series Number: 1906, Bibliographical Note: Includes bibliographic footnotes and index, Genre: Lectures, Class Number: C042, priref: 27268</t>
  </si>
  <si>
    <t>William Halse Rivers</t>
  </si>
  <si>
    <t>The Defence of Trade in a Letter to Sir Thomas Smith â€¦ [Anonymous]</t>
  </si>
  <si>
    <t>J. Barnes</t>
  </si>
  <si>
    <t>Dimensions: 23 cm, Bibliographical Note: Two copies. One copy is at, 4to Tr.17(6)., Class Number: 61, priref: 8510</t>
  </si>
  <si>
    <t>Sir Dudley Digges</t>
  </si>
  <si>
    <t>Q. m. an redeunte vere cito redeat convalescenti sanitas</t>
  </si>
  <si>
    <t>Illustrations: ill., Dimensions: 19 cm, Other Names: Major, Johann Daniel (Editor), priref: 8677</t>
  </si>
  <si>
    <t>Jean Baptiste Dodart</t>
  </si>
  <si>
    <t>Case of Suspected Irritant Poisoning: With Remarks on the Poisonous Properties of Certain Kinds of Decayed Animal Matter Used as a Food</t>
  </si>
  <si>
    <t>Corporate Author: Worshipful Society of Apothecaries of London, Publication Statement: printed by Gilbert &amp; Rivington, Dimensions: 22 cm, Collection: UK Medical Heritage Library, Genre: Biographies; Directories, Class Number: 92:61, Websites: &lt;a href=http://wellcomelibrary.org/player/b2803675x""&gt;View online via the Wellcome Library&lt;/a&gt;; &lt;a href=""https://archive.org/details/rcplondon?&amp;and=b2803675x""&gt;View online via the Internet Archive&lt;/a&gt;; &lt;a href=""https://ukmhl.historicaltexts.jisc.ac.uk/ukmhl-b2803675x""&gt;View online via Jisc Historical Texts&lt;/a&gt;"", priref: 29962</t>
  </si>
  <si>
    <t>Aphorismata medica quibus... valetudo mulierum... depingitur... Accesserunt morbos dignoscendi methodus</t>
  </si>
  <si>
    <t>Dimensions: 16 cm, Provenance: Association: Thompson, Gilbert?; Autograph: Author, Bibliographical Note: MS. notes., Class Number: 61, priref: 20744</t>
  </si>
  <si>
    <t>Sir Richard Manningham</t>
  </si>
  <si>
    <t>Dissertatio de aere</t>
  </si>
  <si>
    <t>MDCLXXIII</t>
  </si>
  <si>
    <t>J. Reumanni (typis)</t>
  </si>
  <si>
    <t>Illustrations: Illus., Dimensions: 19 cms, priref: 26795</t>
  </si>
  <si>
    <t>Samuelis Reyheri</t>
  </si>
  <si>
    <t>Novus doctus chyliferus</t>
  </si>
  <si>
    <t>MDCLII</t>
  </si>
  <si>
    <t>F. Hackii (e typog.)</t>
  </si>
  <si>
    <t>Johannes van Horne</t>
  </si>
  <si>
    <t>De auri tinctura sive auro potabili vero quid sit &amp; quommodo [sic] differat ab auro potabili falso &amp; sophistico quomodo spaygrice PrÃ¦perandum &amp; quomodo in medicina^ usurpandum</t>
  </si>
  <si>
    <t>MDCLVIII</t>
  </si>
  <si>
    <t>On the Nature of Tetanus Caused by Strychnine</t>
  </si>
  <si>
    <t>Statement of Responsibility: by Robert Bentley Todd, Corporate Author: Royal College of Physicians of London, Publication Statement: M.DCCC.XLIII, Dimensions: 21 cm, Binding: In original green cloth and endpapers., Provenance: Autograph on title-page: Dr. Hitchin ?; Book-stamp on p. iii: Devonshire Hospital Buxton, Derbyshire., Series: Croonian lectures, Series Number: 1843, Collection: Heberden; UK Medical Heritage Library, Genre: Lectures, Other Names: Devonshire Hospital, Buxton (Former owner), Websites: &lt;a href=http://wellcomelibrary.org/player/b28148885""&gt;View online via the Wellcome Library&lt;/a&gt;; &lt;a href=""https://archive.org/details/rcplondon?&amp;and=b28148885""&gt;View online via the Internet Archive&lt;/a&gt;; &lt;a href=""https://ukmhl.historicaltexts.jisc.ac.uk/ukmhl-b28148885""&gt;View online via Jisc Historical Texts&lt;/a&gt;"", priref: 48418</t>
  </si>
  <si>
    <t>Hermann Meyer</t>
  </si>
  <si>
    <t>The Medical Examiner and Record of Medical Science: New Series, No. 79, July 1851</t>
  </si>
  <si>
    <t>june, 1851</t>
  </si>
  <si>
    <t>June, 1851</t>
  </si>
  <si>
    <t>Publication Statement: 1851, Dimensions: 22 cm, Bibliographical Note: Incomplete number; Bound in Medico-legal tracts, 16., Summary: Contents: Case of malformation in a child., Class Number: 340.6, priref: 9987</t>
  </si>
  <si>
    <t>Ad Autolycum libri iii</t>
  </si>
  <si>
    <t>E Theatro Sheldoniano, impensis Thomae Bennet Londini</t>
  </si>
  <si>
    <t>Publication Statement: 1530, Illustrations: ill., Dimensions: 20 cm., Provenance: Autograph: Sander, C., Class Number: 61, priref: 30644</t>
  </si>
  <si>
    <t>Saint Theophilus</t>
  </si>
  <si>
    <t>The Annual Address Delivered to the Royal College of Physicians on April 17,1916</t>
  </si>
  <si>
    <t>The Papers Set for the Examinations for the Diploma in Public Health of the Royal College of Physicians of London and the Royal College of Surgeons of England during the Year 1895</t>
  </si>
  <si>
    <t>Statement of Responsibility: a Carolo Daubeny, Dimensions: 27 cm, Series: Harveian oration, Series Number: 1845, General Note: 21570-1: No.8 in a volume lettered 'Orationes Harveianae, 1810-45', Genre: Lectures, Class Number: C06.091.4, priref: 8659</t>
  </si>
  <si>
    <t>Note Respecting the Dimensions and Refracting Power of the Eye</t>
  </si>
  <si>
    <t>Illustrations: ill., Dimensions: 21 cm, Provenance: Autograph: Earle, James (Sir); Association: Gisborne, Thomas., Collection: UK Medical Heritage Library, Other Names: Gisborne, Thomas, 1758-1846 (Associated name), Websites: &lt;a href=http://wellcomelibrary.org/player/b28405675""&gt;View online via the Wellcome Library&lt;/a&gt;; &lt;a href=""https://archive.org/details/rcplondon?&amp;and=b28405675""&gt;View online via the Internet Archive&lt;/a&gt;; &lt;a href=""https://ukmhl.historicaltexts.jisc.ac.uk/ukmhl-b28405675""&gt;View online via Jisc Historical Texts&lt;/a&gt;"", priref: 9711</t>
  </si>
  <si>
    <t>James David Forbes</t>
  </si>
  <si>
    <t>D. m. i. de ictero</t>
  </si>
  <si>
    <t>Dimensions: 20 cm, priref: 32466</t>
  </si>
  <si>
    <t>D. m. de gravedine &amp; catarrhis, quam praesidio F. de le B. Sylvii... subiicit H. A.</t>
  </si>
  <si>
    <t>Publication Statement: 1716, Dimensions: 22 cm, Bibliographical Note: Dissertation. J.J.Horch respondent, Other Names: Alberti, Michael (Praeses); Horch, Johann Jacob (Respondent), priref: 1065</t>
  </si>
  <si>
    <t>Heinrich Althusius</t>
  </si>
  <si>
    <t>Jofranci Offvsii Germani Philomatis, De Divina Astrorum Facultate, in Laruatam Astrologiam â€¦</t>
  </si>
  <si>
    <t>Le Royer, Jean</t>
  </si>
  <si>
    <t>Publication Statement: Parisiis : ex typographia Johannis Royerii, 1570, Dimensions: 23 cm, Provenance: Copy 7831-3: Roberts and Watson note that it is probably not Dee's, although it is bound with number 352 (Mizauld, Planetologia), Bibliographical Note: Bound with Mizauld, A. Planetologia 1551., Citation Note: Copy 7831-3: Roberts and Watson, 355, Collection: John Dee; Dorchester, Other Names: Dee, John, 1527-1608 (Former owner); Dorchester, Henry Pierrepont, Marquis of, 1606-1680 (Donor), priref: 39194</t>
  </si>
  <si>
    <t>An Essay on the Usefulness of Mathmatical Learning in a Letter from a Gentleman in the City</t>
  </si>
  <si>
    <t>S. Wilmot</t>
  </si>
  <si>
    <t>Statement of Responsibility: by James Copland, Publication Statement: London: Longmans, Green and Co., 1866 (London : printed by Spottiswood and Co., New-Street Square), Dimensions: 22 cm, General Note: With half-title page., Class Number: 616.23/.24, priref: 7442</t>
  </si>
  <si>
    <t>Martin Strong</t>
  </si>
  <si>
    <t>The Harveian Oration: Delivered at the Royal College of Physicians, October 18th, 1899</t>
  </si>
  <si>
    <t>Statement of Responsibility: by George Vivian Poore, Publication Statement: Printed by Adlard and Son, Dimensions: 23 cm, Binding Method: Hardback, Series: Harveian oration, Series Number: 1899, Collection: UK Medical Heritage Library, Genre: Lectures, Class Number: C06.091.4, Websites: &lt;a href=https://archive.org/details/rcplondon?&amp;and=b24975941""&gt;View online via the Internet Archive&lt;/a&gt;; &lt;a href=""http://wellcomelibrary.org/player/b24975941""&gt;View online via the Wellcome Library&lt;/a&gt;; &lt;a href=""https://ukmhl.historicaltexts.jisc.ac.uk/ukmhl-b24975941""&gt;View online via Jisc Historical Texts&lt;/a&gt;"", priref: 25814</t>
  </si>
  <si>
    <t>George Vivian Poore</t>
  </si>
  <si>
    <t>Royal Blue Book, Fashionable Directory, 1831</t>
  </si>
  <si>
    <t>Published by T. Gardiner and Son</t>
  </si>
  <si>
    <t>Corporate Author: Royal College of Surgeons of England. Museum, Publication Statement: 1846-9, Dimensions: 29 cm, Collection: UK Medical Heritage Library, Genre: Museum catalogues, Class Number: 61(069.538), Websites: &lt;a href=https://archive.org/details/rcplondon?&amp;and=b24758139""&gt;View online via the Internet Archive&lt;/a&gt;; &lt;a href=""http://wellcomelibrary.org/player/b24758139""&gt;View online via the Wellcome Library&lt;/a&gt;; &lt;a href=""https://ukmhl.historicaltexts.jisc.ac.uk/ukmhl-b24758139""&gt;View online via Jisc Historical Texts&lt;/a&gt;; &lt;a href=""https://ukmhl.historicaltexts.jisc.ac.uk/ukmhl-b24758139""&gt;View online via Jisc Historical Texts&lt;/a&gt;"", priref: 27049</t>
  </si>
  <si>
    <t>D.m.i. de haemorrhoidibus</t>
  </si>
  <si>
    <t>Verhoef, Abraham</t>
  </si>
  <si>
    <t>Statement of Responsibility: from H. Strickland Constable, Dimensions: 23 cm, Genre: Letters, priref: 7279</t>
  </si>
  <si>
    <t>Samuel Spelman</t>
  </si>
  <si>
    <t>The Croonian Lectures on the Degeneration of the Neurone: Delivered before the Royal College of Physicians of London, on June 19,21,26 and 28, Respectively, 1900</t>
  </si>
  <si>
    <t>Statement of Responsibility: by Frederick W. Mott., Corporate Author: Royal College of Physicians of London, Illustrations: illustrations, Dimensions: 22 cm, Provenance: Autograph: Mott, Frederick Walker (Sir), Series: Croonian lectures, Series Number: 1900, Bibliographical Note: Includes bibliographical references, Genre: Lectures, Other Names: Mott, F. W. (Frederick Walker), 1853-1926 (Inscriber), Class Number: C042, priref: 22751</t>
  </si>
  <si>
    <t>Frederick Walker Mott</t>
  </si>
  <si>
    <t>D.m.i. de polypo cordis</t>
  </si>
  <si>
    <t>Publication Statement: 1698, Dimensions: 23 cms, Other Names: Stahl, Georg Ernst (Praeses), priref: 30377</t>
  </si>
  <si>
    <t>James Vaughan</t>
  </si>
  <si>
    <t>A boke, or counseill against the disease commonly called the sweate, or sweatyng sicknesse</t>
  </si>
  <si>
    <t>Grafton, Richard</t>
  </si>
  <si>
    <t>Statement of Responsibility: Made by Ihon Caius doctour in phisicke. Very necessary for euerye personne, and muche requisite to be had in the handes of al sortes, for their better instruction, preparacion and defence, against the soubdein comyng, and fearful assaultying of the-same sic disease, Publication Statement: Imprinted at London : by Richard Grafton printer to the kynges maiestie, anno. do. 1552, Dimensions: 15 cm, Binding: Late 19th- or early 20th-century tan morocco binding with single gold-tooled fillet border, gilt edges, and marbled endpapers., Provenance: Copy number 16834: Book-plate of David Lloyd Roberts.; Copy number 16834: contemporary MS annotations in English; Copy number 16835: possible Hans Sloane provenance, General Note: Place of publication and printer's name from colophon; Printer's mark on last leaf; Running title: A counseill against the sweat; Copy number 16835: immperfect (lacks final leaf); Title page in woodcut border; Signatures: A-E^8, Bibliographical Note: STC, 4343; ESTC, S104868, Collection: David Lloyd Roberts, Genre: Donors' book-plates; Printers' devices; Marbled papers; Morocco bindings; Gold tooled bindings, Other Names: Roberts, David Lloyd, 1835-1920 (Donor), Class Number: 61, priref: 5699</t>
  </si>
  <si>
    <t>John Caius</t>
  </si>
  <si>
    <t>Hospital Ships</t>
  </si>
  <si>
    <t>MAY, 1908</t>
  </si>
  <si>
    <t>May, 1908</t>
  </si>
  <si>
    <t>Statement of Responsibility: by Fleet-Surgeon E. B. Pickthorn, Dimensions: 24 cm, General Note: Transactions of United Services Medical Society, Bibliographical Note: May, Citation Note: 1908""--Cover.; Photocopy."", Continued by: 61:359, Parent: 200004599, Playing time: Journal of the Royal Army Medical Corps (1908), Volume 10, Number 5, pages 460-473</t>
  </si>
  <si>
    <t>Edward Butler Pickthorn</t>
  </si>
  <si>
    <t>On Uterine Polypus: Its Nature, Early Detection, and Treatment</t>
  </si>
  <si>
    <t>Statement of Responsibility: by Robert H. Bakewell, Dimensions: 22 cm, priref: 2362</t>
  </si>
  <si>
    <t>Robert Barnes</t>
  </si>
  <si>
    <t>Oratio â€¦ ex Harveii instituto habita, MDCCLV (Harveian Oration, 1755)</t>
  </si>
  <si>
    <t>apud J. Nourse</t>
  </si>
  <si>
    <t>Dimensions: 25, 27 cm, Series: Harveian oration, Series Number: 1755, General Note: 21524-10: No. 1 in a volume lettered 'Orationes Harveianae, 1755-1809'; 21440-22: No. 11 in a volume lettered 'Orationes Harveianae, 1744-74', Class Number: C06.091.4, priref: 31537</t>
  </si>
  <si>
    <t>Robert Taylor</t>
  </si>
  <si>
    <t>D.m.i. de convulsione</t>
  </si>
  <si>
    <t>Publication Statement: 1717, Dimensions: 23cms, Bibliographical Note: Check date, Other Names: Vater, Christian (Praeses); Berger, Johann Heinrich (Respondent), priref: 32425</t>
  </si>
  <si>
    <t>[Dr. Richardson Read a Paper on a New Method of Producing Local AnÃ¦sthesia Applicable to Dental Surgery]</t>
  </si>
  <si>
    <t>Publication Statement: 18--, Illustrations: ill., Dimensions: 22 cm, Bibliographical Note: Only source of information was the head of text; Spine lettered: Richardson-Essays, 2; Spine (n. 14124) lettered: Medical reprints-Richardson., priref: 60388</t>
  </si>
  <si>
    <t>Benjamin Ward Richardson</t>
  </si>
  <si>
    <t>An Examination of the Report of the Committee of the House of Commons on the Claims of Remuneration [Of Dr. Jenner] for the Vaccine Pock Inoculation, Containing a Statement of the Principal Historical Facts of the Vaccina</t>
  </si>
  <si>
    <t>Printed for J. Johnson</t>
  </si>
  <si>
    <t>Dimensions: 22 cm, Bibliographical Note: No. 11 in a vol. lettered: Edinburgh theses, 10., Class Number: 61(043), priref: 30427</t>
  </si>
  <si>
    <t>On Certain Acute Infective or Toxic Conditions of the Nervous System</t>
  </si>
  <si>
    <t>JOHN BALE, SONS &amp; DANIELSSON, LTD</t>
  </si>
  <si>
    <t>Illustrations: illustrations, Dimensions: 23 cm, Series: Goulstonian lectures, Series Number: 1907, Bibliographical Note: Bibliography, Genre: Lectures, Class Number: C042, priref: 5746</t>
  </si>
  <si>
    <t>Edward Farquhar Buzzard</t>
  </si>
  <si>
    <t>La suette miliaire. Ã‰pidÃ©mie des Charentes (mai et juin 1906)</t>
  </si>
  <si>
    <t>Statement of Responsibility: by Sir William Osler, Publication Statement: Reprinted from the Yale Review, Dimensions: 24 cm, Binding Method: Hardback, Provenance: Association: Fletcher, Walter Morley (Sir); Autograph: Osler, William (Sir), Genre: Biographies, Other Names: Fletcher, Charles Montague (Donor), Class Number: 92 BUR, priref: 200004355</t>
  </si>
  <si>
    <t>Dr. Alban Saizy</t>
  </si>
  <si>
    <t>D.i. medico-chirurgicam de cerebri commotione exponet J.C.S</t>
  </si>
  <si>
    <t>III August MDCXCIX</t>
  </si>
  <si>
    <t>August 3, 1699</t>
  </si>
  <si>
    <t>C. Krevsigii (prelo)</t>
  </si>
  <si>
    <t>Publication Statement: 1699, Dimensions: 23 cms, Bibliographical Note: Dissertation. C.Vater praeses., priref: 28691</t>
  </si>
  <si>
    <t>Johann Christoph Schultze</t>
  </si>
  <si>
    <t>M. Fabii Qvintiliani Institvtionvm oratoriarvm libri duodecim: declamationum eiusdem liber</t>
  </si>
  <si>
    <t>Gryphius, Sebastianus</t>
  </si>
  <si>
    <t>Publication Statement: Apud Seb. Gryphium, Lugduni, 1540, Dimensions: 18 cm (8vo), Binding: 20th-century full blind tooled calf., Provenance: Copy number 10106: Roberts and Watson state that on Dee's catalogue, a note reads Fr--declamationes The first part lacketh'. Dee's copy of the first part is RCP Library .... At the head of the title is 'Joannes Deus 1545' and over it is 'Nicholaus Saunder 1582.' Heavily annotated in Dee's early upright italic hand"".; Copy number 10106: title on foredge."", General Note: Printer's device on title page.; Copy number 10106: Dorchester number D136/16, Citation Note: Roberts and Watson, 718, Exhibition Note: Scholar, courtier, magician : the lost library of John Dee, Collection: John Dee; Dorchester, Genre: Calf bindings; Blind tooled bindings; Edge titles; Printers' devices; Annotations; Autographs, Other Names: Dee, John, 1527-1608 (Former owner); Dorchester, Henry Pierrepont, Marquis of, 1606-1680 (Donor); Saunder, Nicholas, 1563-1649 (Former owner), priref: 39870</t>
  </si>
  <si>
    <t>De tuenda valetudine secunda libri sex</t>
  </si>
  <si>
    <t>B. Lasium (per)</t>
  </si>
  <si>
    <t>Dimensions: 18 cm, Bibliographical Note: 2 copies.; Wing G 854.; First leaf (blank) missing.; One copy shelved in Dorchester Library at 7e D109/11.; The copy in the Main Library could not be found in 1996., Collection: Dorchester, Class Number: 61, priref: 12416</t>
  </si>
  <si>
    <t>, Alban Thorer</t>
  </si>
  <si>
    <t>A Catalogue of the Library, Antiquities, Etc., of Dr. W.</t>
  </si>
  <si>
    <t>Dimensions: 21 cm, Binding Method: Hardback, Bibliographical Note: Sale catalogue, Class Number: C92 WOO, priref: 34788</t>
  </si>
  <si>
    <t>Mr. John Cooper</t>
  </si>
  <si>
    <t>The Medical Examiner and Record of Medical Science: New Series, No. 29, May 1847</t>
  </si>
  <si>
    <t>Statement of Responsibility: By Lock Hospital., Publication Statement: B. Meredith, printer, Silver street, Wood street, Cheapside, 1810?, Dimensions: 21 cm, Collection: UK Medical Heritage Library, Genre: Annual reports, Websites: &lt;a href=http://wellcomelibrary.org/player/b2804020x""&gt;View online via the Wellcome Library&lt;/a&gt;; &lt;a href=""https://archive.org/details/rcplondon?&amp;and=b2804020x""&gt;View online via the Internet Archive&lt;/a&gt;; &lt;a href=""https://ukmhl.historicaltexts.jisc.ac.uk/ukmhl-b2804020x""&gt;View online via Jisc Historical Texts&lt;/a&gt;"", priref: 60354, Child: 19660</t>
  </si>
  <si>
    <t>Historia de La medicina en EspaÃ±a</t>
  </si>
  <si>
    <t>Editorial Reus (S. A.)</t>
  </si>
  <si>
    <t>Statement of Responsibility: by Samuel Hawley Adams, Illustrations: illustrations, portraits, Dimensions: 18 cm, Binding Method: Hardback, Provenance: Association: Schoonmaker, Hubert; Autograph: Lyngklik, Genre: Biographies, Class Number: 92 FOS, priref: 1579</t>
  </si>
  <si>
    <t>40.4167754,-3.7037902</t>
  </si>
  <si>
    <t>Dr. Eduardo Garcia del Real</t>
  </si>
  <si>
    <t>Gnomonice de solariis, siue Doctrina practica tertiae partis astronomiae: von allerley Solarien, das ist, Himmlischen Circuln vnd vhren, wie man dieselben an die auffgerichten Planicien oder Wende, vnd in allerhand hole Instrument, von den Planis, sphaericis vnd vermischten Superficiebus zusammengesetzt, kunstlich verzeischnen vnd repraesentiren sol. Furnemlich nach geometrischem Grundt des Abmessens angestellet</t>
  </si>
  <si>
    <t>gedruckt vnd aussgangen in kosten und verlegung M. Matthiae Menii Dantiscani [â€¦], durch Ambrosium Fritsch</t>
  </si>
  <si>
    <t>BartolemÃ¦us Scultetus</t>
  </si>
  <si>
    <t>An Appendix to the First Book of the Christian Philosopher. Containing a Physico-Theological Discourse on The... Creation and Fall of Man. To Which Is Prefixed a Supplemental Discourse on the Image of God, as It Distinguished Adamâ€¦</t>
  </si>
  <si>
    <t>Publisher not identified</t>
  </si>
  <si>
    <t>Dimensions: 20 cm, Binding Method: Hardback, Class Number: C08 ROB, priref: 27471</t>
  </si>
  <si>
    <t>Nicholas Robinson</t>
  </si>
  <si>
    <t>Illustrated Interviews, No. VIII: Sir Morell Mackenzie</t>
  </si>
  <si>
    <t>Statement of Responsibility: Harry How, Illustrations: illustrations, portrait, Dimensions: 24 cm, Class Number: 92 MAC, priref: 200002936</t>
  </si>
  <si>
    <t>Harry How</t>
  </si>
  <si>
    <t>June 7, 1864</t>
  </si>
  <si>
    <t>Medical Commentaries. Part 1, a Plain and Direct Answer to Professor Monro Junior â€¦</t>
  </si>
  <si>
    <t>Dimensions: 32 cm, Other Names: Cornarius, Janus, 1500-1558 (Editor), Class Number: 61, priref: 15176</t>
  </si>
  <si>
    <t>William Hunter</t>
  </si>
  <si>
    <t>Dimensions: 27 cm, Series: Harveian oration, Series Number: 1826, General Note: 21570-6: No. 3 in a volume lettered 'Orationes Harveianae, 1810-45', Genre: Lectures, Class Number: C06.091.4, priref: 33613</t>
  </si>
  <si>
    <t>Recherches pratiques sur Las Angles phthisie pulmonaire</t>
  </si>
  <si>
    <t>Statement of Responsibility: by G. F. Collier, Dimensions: 23 cm, General Note: Two copies.; One copy held at Tract 42 (4)., Collection: UK Medical Heritage Library, Genre: Letters, Class Number: C615.11(42), Websites: &lt;a href=http://wellcomelibrary.org/player/b28519486""&gt;View online via the Wellcome Library&lt;/a&gt;; &lt;a href=""https://archive.org/details/rcplondon?&amp;and=b28519486""&gt;View online via the Internet Archive&lt;/a&gt;; &lt;a href=""https://ukmhl.historicaltexts.jisc.ac.uk/ukmhl-b28519486""&gt;View online via Jisc Historical Texts&lt;/a&gt;"", priref: 7350</t>
  </si>
  <si>
    <t>Hippolyte Dardonville</t>
  </si>
  <si>
    <t>In Caii Plinii Secvndi Natvralis historiae argutissimi Scriptoris I. &amp; II. Cap: Libri XXX. Commentarius : Naturalis quidem Magiae compendiariam rationem, plenam mysterijs, profundissimamq[ue] rerum secretissimarum Contemplationem, Naturam ... totiusq[ue] Naturae cognitionem complectens ; Cvi Praeterea Adiecta Est De Fascinationibus Disputatio elegans &amp; erudita, ad cognoscendosq[ue] Naturae scretiores effectus, mire vtilis &amp; necessaria. Item de Icantatione, &amp; Adiuratione, Colliq[ue] suspensione Epistola incerti Authoris, vnÃ  cum Ioannis Tritemii Spancheymensis viri doctissimi ... in Libros suos Steganographi[a]e, Epistola apologetica ;In Plinianae lectionis Studiosorum gratiam</t>
  </si>
  <si>
    <t>MDXLVIII</t>
  </si>
  <si>
    <t>MÃ¼ller, Johann, active 1548-1560?</t>
  </si>
  <si>
    <t>Dimensions: 35 cm, Collection: Dorchester, priref: 39862</t>
  </si>
  <si>
    <t xml:space="preserve">Walther Hermann Ryff, Johannes Trithemius, </t>
  </si>
  <si>
    <t>D. m. de cordis palpitatione â€¦ sub praesidio F. de le B. Sylvii</t>
  </si>
  <si>
    <t>MDCLXVII</t>
  </si>
  <si>
    <t>Dimensions: 26 cms, Bibliographical Note: Bibliography; One copy 4to Tr.62(5)., priref: 30409</t>
  </si>
  <si>
    <t>Nicolaus Vermeiren</t>
  </si>
  <si>
    <t>The Bradshaw Lecture on Exophthalmic Goitre and Its Treatment</t>
  </si>
  <si>
    <t>Corporate Author: Royal College of Physicians of London, Dimensions: 19 cm, Series: Bradshaw lectures Royal College of Physicians, Series Number: 1905, General Note: Delivered before the Royal College of Physicians of London""; Reprinted from the Lancet, Bibliographical Note: 11 Nov. 1905, Citation Note: pages 1379-85; Another copy at Tr.464(15)."", Summary: Includes bibliographic references, Class Number: Lectures, Continued by: C042, Attached Documents: &lt;a href=https://archive.org/details/rcplondon?&amp;and=b2497576x""&gt;View online via the Internet Archive&lt;/a&gt;; &lt;a href=""http://wellcomelibrary.org/player/b2497576x""&gt;View online via the Wellcome Library&lt;/a&gt;; &lt;a href=""https://ukmhl.historicaltexts.jisc.ac.uk/ukmhl-b2497576x""&gt;View online via Jisc Historical Texts&lt;/a&gt;"", Parent: 23337</t>
  </si>
  <si>
    <t>Traite du goitre et du crÃ©tinisme, prÃ©cÃ©dÃ© d'un discourse sur l'influence de l'air humide sur l'entendement humain</t>
  </si>
  <si>
    <t>Barnard (chez)</t>
  </si>
  <si>
    <t>Publication Statement: Germinal an 8 1800, Dimensions: 21 cm, Bibliographical Note: Bibliography; MS. notes on verso of t.p., Class Number: 616.441-006.5:616.899, priref: 11325</t>
  </si>
  <si>
    <t>FranÃ§ois Emmanuel FodÃ©re</t>
  </si>
  <si>
    <t>D. physiologica de somno naturali eiusque causis</t>
  </si>
  <si>
    <t>Dimensions: 50-52 cms, Provenance: Autograph: Wing, Charles (1815), Bibliographical Note: 2 copies., priref: 29688</t>
  </si>
  <si>
    <t>â€¦ Infarctus de Las Angles paroi du ventricule gauche du coeur coincidant avec l'existence d'un caillot ancien dans l'une des artÃ¨res coronaires â€¦</t>
  </si>
  <si>
    <t>6 Mars 1866</t>
  </si>
  <si>
    <t>Statement of Responsibility: E. F. A Vulpian, Dimensions: 25 cm, General Note: Photocopy, Class Number: 616.127-005.8, priref: 200006207</t>
  </si>
  <si>
    <t>Alfred Vulpian</t>
  </si>
  <si>
    <t>Account of the first meeting in the New College Hall, lately built for the University of Edinburgh, on the 1st of August 1820</t>
  </si>
  <si>
    <t>1 st of August 1820</t>
  </si>
  <si>
    <t>August 1, 1820</t>
  </si>
  <si>
    <t>P. Neill</t>
  </si>
  <si>
    <t>Statement of Responsibility: par J. Davasee, Dimensions: 25 cm, Provenance: Autograph: Murchison, Charles, Bibliographical Note: Includes bibliographic footnotes., Other Names: Murchison, Charles, 1830-1879 (Inscriber), priref: 8334</t>
  </si>
  <si>
    <t>A Bill for the Registration of Medical Practitioners, and for Establishing a College of Medicine, and for Enabling the Fellows of That College to Practise Medicineâ€¦, 11 Aug 1840</t>
  </si>
  <si>
    <t>11 August 1840</t>
  </si>
  <si>
    <t>August 11, 1840</t>
  </si>
  <si>
    <t>Corporate Author: Great Britain. Parliament. House of Commons, Dimensions: 34 cm, Bibliographical Note: Lettered: Parliamentary medical bills 1840-47, Class Number: C340.2, priref: 19070, Child: 29957; 18649; 18768; 18769; 19073; 19075; 26962; 32638; 42461; 27004; 19240; 42462; 42463; 42467; 46554</t>
  </si>
  <si>
    <t>Report of the Annual Meeting of the London Mesmeric Infirmary, 36 Weymouth Street, Portland Place, Held in Willis's Rooms, King Street, St. James's on Tuesday, the 12th of June, 1860</t>
  </si>
  <si>
    <t>A Century of Medicine at Padua</t>
  </si>
  <si>
    <t>British Periodicals Ltd.</t>
  </si>
  <si>
    <t>Dimensions: 12 cm, General Note: Previous ed., 1900., Collection: UK Medical Heritage Library, Class Number: 615.9, Websites: &lt;a href=https://archive.org/details/rcplondon?&amp;and=b23983681""&gt;View online via the Internet Archive&lt;/a&gt;; &lt;a href=""http://wellcomelibrary.org/player/b23983681""&gt;View online via the Wellcome Library&lt;/a&gt;; &lt;a href=""https://ukmhl.historicaltexts.jisc.ac.uk/ukmhl-b23983681""&gt;View online via Jisc Historical Texts&lt;/a&gt;"", priref: 23462</t>
  </si>
  <si>
    <t>Sir George Newman</t>
  </si>
  <si>
    <t>P. Ouidii Nasonis Amatoria. Heroidum epistolÃ¦. Auli Sabini, vt creditur, epistolae tres. Elegiarum libri tres. De arte amandi, libri tres. De remedio amoris, libri tres. In ibin. Ad Liuiam, de morte Drusi. De Nuce. De medicamine faciei. Recens accessere. Fragmenta quaedam ex Epigrammatis Nasonis. Carmen ad Pisonem incerti authoris, elegantia tamen &amp; eruditione iuxtÃ  nobile</t>
  </si>
  <si>
    <t>Publication Statement: Parisiis : apud Simonem Colinaeum, 1529, Dimensions: 18 cm (8vo), Provenance: Copy number 9986-1: Roberts and Watson note 'Nich: Saunder' has been written over 'Joannes dee 1546 xijd.' Heavily annotated by Dee""."", General Note: Copy numbers 9986-1, 9986-2, 9990: Dorchester number D134b/5, Citation Note: Roberts and Watson, 716, Exhibition Note: Scholar, courtier, magician : the lost library of John Dee, Collection: John Dee; Dorchester, Genre: Annotations; Book prices; Autographs, Other Names: Dee, John, 1527-1608 (Former owner); Dorchester, Henry Pierrepont, Marquis of, 1606-1680 (Donor); Saunder, Nicholas, 1563-1649 (Former owner), priref: 39267</t>
  </si>
  <si>
    <t>The Milroy Lectures on Epidemic Diseases in England: The Evidence of Variability and of Persistency of Type, Delivered before the Royal College of Physicians of London, March 1st, 6th, and 8th, 1906</t>
  </si>
  <si>
    <t>Bedford Press</t>
  </si>
  <si>
    <t>Statement of Responsibility: by W.H. Hamer, Corporate Author: Royal College of Physicians of London, Publication Statement: printed at the Bedford Press, Dimensions: 22 cm, Series: Milroy lectures, Series Number: 1906, Bibliographical Note: Includes bibliographical references, Genre: Lectures, Class Number: C042, priref: 37891</t>
  </si>
  <si>
    <t>William Heaton Hamer</t>
  </si>
  <si>
    <t>The Harveian Oration 1866. Delivered June 26</t>
  </si>
  <si>
    <t>Deighton, Bell and Co.</t>
  </si>
  <si>
    <t>Statement of Responsibility: by George E. Paget, Dimensions: 20 cm, Binding Method: Hardback, Provenance: Autograph: Author, Series: Harveian oration, Series Number: 1866, Genre: Lectures, Other Names: Paget, George E. (George Edward), Sir, 1809-1892 (Inscriber), Class Number: C06.091.4, priref: 39295</t>
  </si>
  <si>
    <t>Sir George Edward Paget</t>
  </si>
  <si>
    <t>Joannis Freinshemii Dissertatiuncula de calidae potu. : Ad Joannem Kuefferum medicum clarissimum</t>
  </si>
  <si>
    <t>Statement of Responsibility: D. Gratiani labore cocinnata, ... praefixa sunt ab Antonio Demochare singulis fere distinctionibus &amp; causarum quaestionibus paratitla summam rei succincte complectentia: ..., Bibliographical Note: paratitla transliterated from Greek; Divided in two books, Collection: Dorchester, priref: 59686</t>
  </si>
  <si>
    <t>Johannis Freinshemii, Jacobus Gronovius</t>
  </si>
  <si>
    <t>A Vindication of the Royal College of Physicians: in Reply to the Speech of the Solicitor General, on Opening the Petition and Appeal of Doctor Isaac Schomberg, Alias Schamberg</t>
  </si>
  <si>
    <t>Corporate Author: University of Edinburgh, Dimensions: 20 cm, Genre: Academic dissertations, priref: 4370</t>
  </si>
  <si>
    <t>Ueber Ã¤rztliche Bildung und Bildungsanstalten</t>
  </si>
  <si>
    <t>Heyder &amp; Zimmer</t>
  </si>
  <si>
    <t>Illustrations: ill., Dimensions: 29 cm, Bibliographical Note: Bibliography, priref: 18435</t>
  </si>
  <si>
    <t>Dr. Johann Michael Leupoldt</t>
  </si>
  <si>
    <t>Modern Philosophic Scepticism Examined</t>
  </si>
  <si>
    <t>Edward Stanford</t>
  </si>
  <si>
    <t>Publication Statement: 18-, Dimensions: 21 cm, Bibliographical Note: Annual address of the Victoria Institute; Check date, priref: 20343</t>
  </si>
  <si>
    <t>Robert Main</t>
  </si>
  <si>
    <t>On the Medical as Well as the Dietetic Properties of Common Salt</t>
  </si>
  <si>
    <t>Statement of Responsibility: by George Lipscomb, Publication Statement: printed by the executors of T.A. Pearson, Dimensions: 16 cm, Collection: UK Medical Heritage Library, Websites: &lt;a href=http://wellcomelibrary.org/player/b28406692""&gt;View online via the Wellcome Library&lt;/a&gt;; &lt;a href=""https://archive.org/details/rcplondon?&amp;and=b28406692""&gt;View online via the Internet Archive&lt;/a&gt;; &lt;a href=""https://ukmhl.historicaltexts.jisc.ac.uk/ukmhl-b28406692""&gt;View online via Jisc Historical Texts&lt;/a&gt;"", priref: 19511</t>
  </si>
  <si>
    <t>John Marshall</t>
  </si>
  <si>
    <t>Grosse Zusammenstellung Ã¼ber die KrÃ¤fte der bekannten einfachen Heil-und Nahrungsmittel</t>
  </si>
  <si>
    <t>Hallberger'sche Verlagshandlung</t>
  </si>
  <si>
    <t>Statement of Responsibility: von Abu Mohammed Abdallah Ben Ahmed aus Malaga bekannt unter dem Namen Ebn Baithar. Aus dem Arabischen uÌˆbersezt von Dr. Joseph v. Sontheimer., Publication Statement: Stuttgart : Hallberger'sche Verlagshandlung, 1840-1842, Dimensions: 27 cm, Provenance: Autograph Greenhill, William Alexander; MS. notes by W.A. Greenhill, General Note: Arranged in dictionary form according to the Arabic alphabet, Other Names: Greenhill, William Alexander, 1814-1894 (Former owner); Sontheimer, Joseph von, 1788-1846 (Translator), Class Number: 61, priref: 2275</t>
  </si>
  <si>
    <t>48.7758459,9.1829321</t>
  </si>
  <si>
    <t>Les Diverses Lecons</t>
  </si>
  <si>
    <t>Cotier, Gabriel, -1565</t>
  </si>
  <si>
    <t>Statement of Responsibility: mises en francois par C.Gruget, Publication Statement: Lyon : G. Cotier, 1563, Dimensions: 18 cm, Provenance: Copy number 10091: Roberts and Watson note has no marks other than lettering down the fore-edge, Series: but is probably Dee's""."", Bibliographical Note: Copy number 10091: Dorchester number D135/18, Summary: Roberts and Watson, 1065, Preservation Note: French, Collection: Scholar, courtier, magician : the lost library of John Dee, Other Names: Edge titles, Class Number: Gruget, Claude (Translator); Dee, John, 1527-1608 (Former owner); Dorchester, Henry Pierrepont, Marquis of, 1606-1680 (Donor), Child: 38804</t>
  </si>
  <si>
    <t>Pedro MexÃ­a</t>
  </si>
  <si>
    <t>De maximis et minimis geometrica diuinatio in quintum Conicorum Apollonii Pergaei adhuc desideratum</t>
  </si>
  <si>
    <t>Apud Ioseph Cocchini, typis nouis, sub signo stellae</t>
  </si>
  <si>
    <t>Dimensions: 30 cm, Collection: Dorchester, priref: 41452</t>
  </si>
  <si>
    <t>Vincenzo Viviani</t>
  </si>
  <si>
    <t>Dissertatio medica inauguralis de cachexia â€¦</t>
  </si>
  <si>
    <t>MDCIIIC</t>
  </si>
  <si>
    <t>Publication Statement: 1727, Dimensions: 25 cm, Other Names: Boyer, Jean Baptiste Nicolas (Proponent); Du Bois, Jean Baptiste (Praeses), priref: 9346</t>
  </si>
  <si>
    <t>Johann Wolffgang Sigismund Eck</t>
  </si>
  <si>
    <t>Oratio anniversaria in theatro Collegii Regalis Medicorum Londinensium ex HarvÃ¦i instituto habita die xviii Octobris, 1764</t>
  </si>
  <si>
    <t>William Cadogan</t>
  </si>
  <si>
    <t>D.m.i. de epilepsia puerili â€¦</t>
  </si>
  <si>
    <t>22 Decembris 1724</t>
  </si>
  <si>
    <t>December 22, 1724</t>
  </si>
  <si>
    <t>H. Mulhovium (apud)</t>
  </si>
  <si>
    <t>Publication Statement: 1724, Dimensions: 25 cms, priref: 27703</t>
  </si>
  <si>
    <t>Richard Russell</t>
  </si>
  <si>
    <t>[A Copy of the Report Made by Dr. Baly to the Secretary of State for the Colonies upon the Subject of Quarantine in Gibraltar, under Date the 6th Day of May 1854.]</t>
  </si>
  <si>
    <t>30 March 1855</t>
  </si>
  <si>
    <t>March 30, 1855</t>
  </si>
  <si>
    <t>Ordered by the House of Commons to Be Printed</t>
  </si>
  <si>
    <t>priref: 60250</t>
  </si>
  <si>
    <t>William Baly</t>
  </si>
  <si>
    <t>D. m. i. de diagnosi inter erysipelas, phlegmonim et erythema</t>
  </si>
  <si>
    <t>Illustrations: Ill., Dimensions: 61 cm, Provenance: Association: Sedgwick, John, Bibliographical Note: French text, parallel English translation.; Lacks plates 10-23, 29-43, 46-69, 71-79, 85, 87-120., Genre: Atlases (Medical), priref: 32957</t>
  </si>
  <si>
    <t>George Hume Weatherhead</t>
  </si>
  <si>
    <t>June 8, 1864</t>
  </si>
  <si>
    <t>Report [Of the Committee Who Have Undertaken to Make Enquiry into, and Ascertain the Extent of, the Process Practised by Messrs. Delahoyde and Lucett for the Relief of Persons Afflicted with Insanity]</t>
  </si>
  <si>
    <t>28th September, 1813</t>
  </si>
  <si>
    <t>September 28, 1813</t>
  </si>
  <si>
    <t>W. Bulmer and Co.</t>
  </si>
  <si>
    <t>Publication Statement: Printed by W. Bulmer 1813, Dimensions: 22 cm, General Note: Title supplied from first page.; Dated at end September 27, 1813.; Edward, Duke of Kent, 1767-1820 was Chairman of the Committee.; Bound with: Ferris, S. A general view of the establishment of physic as a science in England.. 1795., Class Number: C9, priref: 26698</t>
  </si>
  <si>
    <t>Anti-Typhoid Vaccination</t>
  </si>
  <si>
    <t>February, 1915</t>
  </si>
  <si>
    <t>Oliver and Boyd</t>
  </si>
  <si>
    <t>Statement of Responsibility: by Professor Jacobi ; English adaptation of text by J.J. Pringle., Illustrations: ill. (col.), Dimensions: 27 cm, Provenance: Autograph: T.M. Call Anderson ? - From Robman Ld. - April 1903, Bibliographical Note: Four parts in two volumes; Translation of: Atlas der Hautkrankheiten., Genre: Atlases (Medical), priref: 60811</t>
  </si>
  <si>
    <t>The Arcanum Concerning Horses; or, the Late Duke of Newcastle's Method Compared with Their Natural Food, Exercise, and the Best Modern Practice of Physic for Cure of Inward Distempers</t>
  </si>
  <si>
    <t>Printed by R. Reily</t>
  </si>
  <si>
    <t>Corporate Author: AcadeÌmie de meÌdecine (France), Dimensions: 21cms, priref: 1230</t>
  </si>
  <si>
    <t>Theoria ventorum</t>
  </si>
  <si>
    <t>MDXCLVI</t>
  </si>
  <si>
    <t>excud. G. Fleischmann</t>
  </si>
  <si>
    <t>Andreas Mirowski</t>
  </si>
  <si>
    <t>Propempticon i. de oenanthe Theophrasti Eresii; [cum vita candidati H. C. Winter]</t>
  </si>
  <si>
    <t>Illustrations: Port., Dimensions: 20 cms, priref: 32862</t>
  </si>
  <si>
    <t>Georg Wolfgang Wedel, Heinrich Christian Winter</t>
  </si>
  <si>
    <t>MagiÃ¦ natvralis libri viginti</t>
  </si>
  <si>
    <t>MDCVII</t>
  </si>
  <si>
    <t>sumpt. C. Marnii</t>
  </si>
  <si>
    <t>Illustrations: ill., Dimensions: 20 cm, Bibliographical Note: Bound with Montagnana (M.A.) De herpete ... 1589.; Lettered Varia medica., Class Number: 61, priref: 25147</t>
  </si>
  <si>
    <t>Giovanni Battista della Porta</t>
  </si>
  <si>
    <t>De jure belli ad pacis libri tres</t>
  </si>
  <si>
    <t>MDCXXXI</t>
  </si>
  <si>
    <t>apud G. Blaeuw</t>
  </si>
  <si>
    <t>Dimensions: 32 cm, Provenance: Autograph: Henry Pierrepont; Annotations: unidentified, Bibliographical Note: Bibliography, Collection: Dorchester, Genre: Autographs; Annotations, Other Names: Dorchester, Henry Pierrepont, Marquis of, 1606-1680, priref: 37747</t>
  </si>
  <si>
    <t>Hugo Grotius</t>
  </si>
  <si>
    <t>Native Methods of Treatment in West Africa, with Notes on the Tropical Diseases Most Prevalent among the Inhabitants of the Gold Coast Colony</t>
  </si>
  <si>
    <t>Statement of Responsibility: Samuel Dodd Clippingdale, Illustrations: illustrations, Dimensions: 23 cm, Binding Method: Paperback, Bibliographical Note: Bibliography, Class Number: 929.6:61, priref: 200001233</t>
  </si>
  <si>
    <t>James Graham Forbes</t>
  </si>
  <si>
    <t>Oratio ex Harveii instituto in aedibus Collegii regalis medicorum Londinensis: habita die XXIX mo. Junii, MDCCCLIX</t>
  </si>
  <si>
    <t>MDCCCLIX</t>
  </si>
  <si>
    <t>Excudebat. G. Phipps</t>
  </si>
  <si>
    <t>Statement of Responsibility: auctore Carolo Jacobo B. Aldis, Dimensions: 28 cm, Binding Method: Paperback, Series: Harveian oration, Series Number: 1859, General Note: 21578: No. 5 in a volume lettered 'Orationes Harveianae, 1848-63', Bibliographical Note: Includes bibliographical footnotes, Genre: Lectures, Class Number: C06.091.4, priref: 2277</t>
  </si>
  <si>
    <t>Charles James Berridge Aldis</t>
  </si>
  <si>
    <t>Oratio ex Harveii instituto in aedibus Collegii regalis medicorum habita pridie calend. Julii, A. D. MDCCCXLIX</t>
  </si>
  <si>
    <t>Statement of Responsibility: Johanne Carr Badeley, Dimensions: 22 cm, Binding Method: Hardback, Series: Harveian oration, Series Number: 1849, Genre: Lectures, Class Number: C06.091.4, priref: 22416</t>
  </si>
  <si>
    <t>John Carr Badeley</t>
  </si>
  <si>
    <t>Copy of letter from Herman Merivale to the Under Secretary of State</t>
  </si>
  <si>
    <t>January 18, 1865</t>
  </si>
  <si>
    <t xml:space="preserve">Copy of letter from Herman Merivale to the Under Secretary of State </t>
  </si>
  <si>
    <t>Ex Hieronymi Mercurialis, Foroliviensis, variis lectionibus de potionibus ac eduliis antiquorum mantissa</t>
  </si>
  <si>
    <t>Statement of Responsibility: authore Stephano Gratiano ...., Publication Statement: M.DC.XXII, Dimensions: 25 cm, Collection: Dorchester, priref: 59687</t>
  </si>
  <si>
    <t>Jacobus Gronovius, Girolamo Mercuriale</t>
  </si>
  <si>
    <t>Contributions to the Study of Precocity in Children: the History of Neurology</t>
  </si>
  <si>
    <t>Millar, Eric G</t>
  </si>
  <si>
    <t>Dimensions: 22 cm, Binding Method: Hardback, Series: FitzPatrick lectures, General Note: Includes the FitzPatrick lectures for 1907 and 1908, Genre: Lectures, Class Number: C047, priref: 13125</t>
  </si>
  <si>
    <t>Leonard George Guthrie</t>
  </si>
  <si>
    <t>The Annual Address Delivered to the Royal College of Physicians [1911-5] ^</t>
  </si>
  <si>
    <t>April 10th, 1911</t>
  </si>
  <si>
    <t>Q.m. an in paroxysmis febrium intermittentium venaesectio?</t>
  </si>
  <si>
    <t>19 Januarii 1730</t>
  </si>
  <si>
    <t>January 19, 1730</t>
  </si>
  <si>
    <t>[G. F. Quillau (typis)]</t>
  </si>
  <si>
    <t>Dimensions: 23 cm, Provenance: Autograph: Baillie, Matthew, Other Names: Baillie, Matthew, 1761-1823 (Donor), priref: 2364</t>
  </si>
  <si>
    <t>Joannes Besse</t>
  </si>
  <si>
    <t>A Compleat Key to the Dispensary</t>
  </si>
  <si>
    <t>MDCCXXVI</t>
  </si>
  <si>
    <t>T. Wotton</t>
  </si>
  <si>
    <t>Dimensions: 18 cm, Bibliographical Note: Bound with, Philips, J.: 'Poems on several occasions', 1728, Class Number: C8-1, priref: 11792</t>
  </si>
  <si>
    <t>Herodoti Halicarnassei Historiographi libri novem, mvsarvm nominibvs inscripti</t>
  </si>
  <si>
    <t>Hittorp, Gottfried; Cervicornus, Eucharius</t>
  </si>
  <si>
    <t>Statement of Responsibility: interprete Laurentio Valla. Accessetunt sic huic editioni plus minus nouem folia, quae in primo libro aÌ€ Laurentio exemplaris forte uitio praetermissa, iam primum aÌ€ Conrado Heresbachio eÌ€ Graeco suis locis sunt adiecta, cum alia haud quamquam poenitenda in caeteris libris accessione, castigationesque ad Graecum exemplar facta, id quod diligens lector conferendo facile deprehendet, Item de genere vitasque; Homeri libellus, iam primum ab eodem Heresbachio eÌ€ Graeco in Latinum conuersus, Publication Statement: Coloniae : Apud Eucharium Ceruicornum, aere &amp; impensa M. Godefridi Hittorpij ciuis Coloniensis, anno aÌ€ natiuitate Christi millesimo quingentesimo tricesimoseptimo, mense August, Dimensions: 31 cm, Provenance: Copy 10588: Roberts and Watson note that 'it is unsigned but has his Dee's notes passim. It is bound in contemporary vellum'., General Note: Imprint from colophon; Copy 10588: Dorchester No. D126/4, Citation Note: Copy 10588: Roberts and Watson, 257, Collection: John Dee; Dorchester, Genre: Annotations; Vellum bindings, Other Names: Dee, John, 1527-1608 (Former owner); Dorchester, Henry Pierrepont, Marquis of, 1606-1680 (Donor); Valla, Lorenzo, 1407-1457 (Translator), priref: 38022</t>
  </si>
  <si>
    <t>Sulla causa prossima del tetano e sull' impiego dell'etere sopente nel tetano traumatico: memoria ed esperimento</t>
  </si>
  <si>
    <t>Tipografia di Bernardo Virzi</t>
  </si>
  <si>
    <t>Publication Statement: 1829-58, Dimensions: 58 cm, Bibliographical Note: Title varies, Continued by: A list of the fellows, members, extra-licentiates and licentiates of the Royal College of Physicians of London, 1859-1986, priref: 17160</t>
  </si>
  <si>
    <t>Tommaso La Russa</t>
  </si>
  <si>
    <t>Pappi Alexandrini mathematicae collectiones</t>
  </si>
  <si>
    <t>Dimensions: 22 cm, priref: 14069</t>
  </si>
  <si>
    <t>, Federico Commandino</t>
  </si>
  <si>
    <t>Hoc in volumine haec continentur : Artificialis medicatio, constans paraphrasi in Galeni librum de artis medicae constitutione, autore C.H.; Methodi cognoscendorum ... morborum, autore Bertrutio Bononiensi; De idoneo auxiliorum usu, quaedam ex J. de Sancto Amando ...</t>
  </si>
  <si>
    <t>MDXXXIIII</t>
  </si>
  <si>
    <t>[J. Schoeffer (apud)]</t>
  </si>
  <si>
    <t>Dimensions: 20 cm, Provenance: Autograph on title page: unidentified; Annotation: Note on contents of volume, 'N.B. This volume contains several traits see the next pages...', Collection: Dorchester, Genre: Illegible markings; Annotations, Images: CN 9879 - Hoc in volumine_Heyl, 1534 Annotation.JPG CN 9879 - Hoc in volumine_Heyl, 1534 Autograph.JPG, priref: 38048</t>
  </si>
  <si>
    <t>Christoph Heyl, , Nicolas Bertuccio, Joannes de Sancto Amando</t>
  </si>
  <si>
    <t>The Lumleian Lectures on Some Moot Points in the Pathology and Clinical History of Pneumonia: Delivered before the Royal College of Physicians of London on May 30th and June 4th and 6th, 1912</t>
  </si>
  <si>
    <t>Statement of Responsibility: by Percy Kidd, Corporate Author: Royal College of Physicians of London, Publication Statement: 1912, Dimensions: 23 cm, Series: Lumleian lectures, Series Number: 1912, Bibliographical Note: Includes bibliographical references, Genre: Lectures, Class Number: C042, priref: 18003</t>
  </si>
  <si>
    <t>Lectori benevolo panegyrin facultatis medicae in Academia Lipsiensi indicat Johannes Bohn, inque praesenti programma disquirit: An medici sub conscientiae et existimationis suae integritate a pharmacorum confectione et exhibitione abstinere queant?</t>
  </si>
  <si>
    <t>[Brandenburgerianis (literis)]</t>
  </si>
  <si>
    <t>Dimensions: 16 cm, Provenance: Autograph: May, Thomas, 1772, Class Number: C08 BLA, priref: 3663</t>
  </si>
  <si>
    <t>Johannes Bohn</t>
  </si>
  <si>
    <t>A Seven Years' Residence in Aberystwith [Sic]; or, Hints and Suggestions Respecting Sea-Side Influence on Impaired Health and Disease</t>
  </si>
  <si>
    <t>Printed by J. Cox</t>
  </si>
  <si>
    <t>Statement of Responsibility: von Hermann Aubert, Publication Statement: Breslau: Morgenstern, 1865, Illustrations: illus, Dimensions: 24 cm, Class Number: 612.84, priref: 2160</t>
  </si>
  <si>
    <t>52.416119,-4.0838</t>
  </si>
  <si>
    <t>Henry Bell</t>
  </si>
  <si>
    <t>[Report of the Water Commissioners on the Material Best Adapted for Distribution Water Pipes: And on the Most Economical Mode of Introducing Water into Private Houses. 8Vo. pp. 67. Boston, 1848]</t>
  </si>
  <si>
    <t>Statement of Responsibility: by Samuel Westcott Tilke, Illustrations: ill., port., Dimensions: 23 cm, General Note: Includes: An autobiographic memoir : with remarks on the various incidents which have occurred during forty-five years of his life by Samuel Westcott Tilke.; Includes an extensive appendix., Collection: Heberden; UK Medical Heritage Library, Websites: &lt;a href=http://wellcomelibrary.org/player/b28148873""&gt;View online via the Wellcome Library&lt;/a&gt;; &lt;a href=""https://archive.org/details/rcplondon?&amp;and=b28148873""&gt;View online via the Internet Archive&lt;/a&gt;; &lt;a href=""https://ukmhl.historicaltexts.jisc.ac.uk/ukmhl-b28148873""&gt;View online via Jisc Historical Texts&lt;/a&gt;"", priref: 48416</t>
  </si>
  <si>
    <t>Birth of a Double Monster</t>
  </si>
  <si>
    <t>Publication Statement: 1846-64, Dimensions: 21cms., Provenance: Associate: Duckworth, Dyce (Sir); Autograph: Laycock, Thomas, priref: 19342</t>
  </si>
  <si>
    <t>Certaine workes of chirurgerie</t>
  </si>
  <si>
    <t>By Rouland Hall</t>
  </si>
  <si>
    <t>Statement of Responsibility: nevvly compiled and published by Thomas Gale, maister in chirurgerie, Publication Statement: 1563, i.e. 1564?, Illustrations: ill., port., Dimensions: 16 cm., Binding: Binding: SU (amateur? contemporary); Autograph: Brain, William; Autograph: Brown, Thomas (of Cork); Autograph: Giles, John, Provenance: Binding: SU (amateur? contemporary); Autograph: Brain, William; Autograph: Brown, Thomas (of Cork); Autograph: Giles, John, Bibliographical Note: ESTC, S102805; STC, 11529; On 3M4r: Thus endeth the antidotarie, compiled and published by Thomas Gale, maister in chirurgirye. 1563. 12. August; Within part 1, 'An institution of a chirurgian' (a dialogue with John Yates and John Field) has separate dated title page. 'An enchiridion of chirurgerie', 'An excellent treatise of vvounds made vvith gonneshot', 'An antidotarie conteyning hidde and secrete medicines simple and compounde' each have separate foliation, register commencing on A, 2A, or 3A, and title page with imprint 'Printed .. for Thomas Gale. 1563'; Some copies have eight final contents leaves, signed '*', with colophon 'Imprinted and finished, by Henry Denham, dwelling in VVhitecrosse strete, for Thomas Gale chirurgean. Anno Domini. 1564. mensis Augustij. 29. .. These bookes are to be solde by the printer aboue named.'. Presence of this quire could indicate a reissue.; Copy: 2 copies of An excellent treatise ... , but lacking the following: tp and ill. to An institution ... , ill. to An excellent treatise ..., some leaves of An antidotarie, all of pt. 2. Misbinding: part of An antidotarie ... bound before An institution ...; Copy provenance: inscr. Brain, William, end of An institution ...; Brown, Thomas, of Cork + Giles, John, end of An excellent treatise ...; Copy: MS. notes, Class Number: 61, priref: 12320</t>
  </si>
  <si>
    <t>Thomas Gale</t>
  </si>
  <si>
    <t>The Evolution of the Infections</t>
  </si>
  <si>
    <t>The Tuttle Company</t>
  </si>
  <si>
    <t>Statement of Responsibility: J. G. Adami, Dimensions: 19 cm, Bibliographical Note: Bibliography, Class Number: 576.8, priref: 1464</t>
  </si>
  <si>
    <t>52.658302,-0.639643, 43.872754,-72.772265</t>
  </si>
  <si>
    <t>Correspondence and Statements regarding the Teaching of Clinical Medicine in the University of Edinburgh, 1855-1857: With a Sequel</t>
  </si>
  <si>
    <t>R. And R. Clark</t>
  </si>
  <si>
    <t>Statement of Responsibility: by T. Laycock, Publication Statement: Edinburgh : R. and R. Clark, 1857, Dimensions: 23 cm, Class Number: 378.961(414.45), priref: 19329</t>
  </si>
  <si>
    <t>Thomas Laycock</t>
  </si>
  <si>
    <t>D. m. i. de odontalgia</t>
  </si>
  <si>
    <t>Novembr. M DC XCIII</t>
  </si>
  <si>
    <t>November, 1693</t>
  </si>
  <si>
    <t>Publication Statement: 1693, Dimensions: 23 cms, priref: 23724</t>
  </si>
  <si>
    <t>Andreas Myrrhen</t>
  </si>
  <si>
    <t>The Goulstonian Lectures on the Sensibility of the Alimentary Canal: Delivered at the Royal College of Physicians on March 1416, &amp; 21,1911</t>
  </si>
  <si>
    <t>Hodder and Stoughton; Henry Frowde</t>
  </si>
  <si>
    <t>Statement of Responsibility: by Arthur F. Hurst, Corporate Author: Royal College of Physicians of London, Dimensions: 22 cm, Series: Goulstonian lectures; Oxford medical publications, Series Number: 1911, General Note: Includes indexes, Bibliographical Note: Bibliography, Genre: Lectures, Class Number: C042, priref: 38118</t>
  </si>
  <si>
    <t>Arthur F. Hurst</t>
  </si>
  <si>
    <t>Observations on the Humulus Lupulus of LinnÃ¦us: With an Account of Its Use in Gout, and Other Diseases â€¦ 2nd Edition [With Addendum]</t>
  </si>
  <si>
    <t>Printed by T. Curson Hansard</t>
  </si>
  <si>
    <t>Statement of Responsibility: by John E. Erichsen, Publication Statement: Printed by George Odell, Dimensions: 22 cm, Provenance: Autograph: Erichsen, John Eric (Sir), General Note: 'Extracted from Nos. 789 and 790 of the London Medical Gazette', priref: 10106</t>
  </si>
  <si>
    <t>National Thoughts Recommended to the Serious Attention of the Public, with an Appendix Shewing the Damages Arising from a Bounty on Corn, by a Land-Owner</t>
  </si>
  <si>
    <t>Dodsley, Robert</t>
  </si>
  <si>
    <t>Dimensions: 20 cm, Bibliographical Note: 2 pts., priref: 30114</t>
  </si>
  <si>
    <t>Charles Townshend</t>
  </si>
  <si>
    <t>Contribution a l'Ã©tude des souffles cardio-pulmonaires (souffles diastoliques de La Angles base)</t>
  </si>
  <si>
    <t>G. Steinheil</t>
  </si>
  <si>
    <t>Statement of Responsibility: by Morell Mackenzie, Dimensions: 25 cm, Provenance: Autograph.- Rolleston, J.D, Hamley, W.G, Bibliographical Note: Includes bibliographical references., Other Names: Rolleston, John Davy (Inscriber); Hamley, W. G. (Inscriber), Class Number: 616.211-002-056.3, priref: 20872</t>
  </si>
  <si>
    <t>Louis Magdelaine</t>
  </si>
  <si>
    <t>December, 1919</t>
  </si>
  <si>
    <t>Illustrations: illustrations, portraits, Dimensions: 21 cm, Bibliographical Note: Bibliography; Straight reprint of 1915 ed., New York, Class Number: C8-3, priref: 21483</t>
  </si>
  <si>
    <t>William MacMichael</t>
  </si>
  <si>
    <t>Inborn Errors of Metabolism</t>
  </si>
  <si>
    <t>Dimensions: 20 cm, Series: Croonian lectures, Series Number: 1908, Genre: Lectures, Class Number: C042, priref: 11760</t>
  </si>
  <si>
    <t>Sir Archibald Edward Garrod</t>
  </si>
  <si>
    <t>D. physiologica de homine</t>
  </si>
  <si>
    <t>Dimensions: 20cms, Bibliographical Note: Dissertation. J.Burcardus respondent., Other Names: Scharfius, Johannes (Praeses); Burcardus, Joannes (Respondent), priref: 28702</t>
  </si>
  <si>
    <t>A Method for the Treatment of the Apparently Drowned, Together with Remarks in Discussion on the Phenomena Attending Death from Drowningâ€¦</t>
  </si>
  <si>
    <t>Bailliere, Tindall, and Cox</t>
  </si>
  <si>
    <t>Statement of Responsibility: R. L. Bowles, Illustrations: 3 illustrations, Dimensions: 22 cm, Provenance: Autograph: Bowles, Robert Leamon., Bibliographical Note: Includes a discussion of 'the full Report of the Committee of the Royal Medical and Chirurgical Society on drowining' - Pref., Class Number: 615.816, priref: 4182</t>
  </si>
  <si>
    <t>Robert Leamon Bowles</t>
  </si>
  <si>
    <t>The Harveian Oration, 1873</t>
  </si>
  <si>
    <t>Statement of Responsibility: by George Rolleston, Dimensions: 20 cm, Binding Method: Hardback, Provenance: *Autograph: Author, Series: Harveian oration, Series Number: 1873, General Note: 5660-1: Bound with the author's 'Scientific papers and addresses', volume 2, 1884, pages 729-768; Delivered before the Royal College of Physicians on Wednesday, June 25th, 1873, Bibliographical Note: Includes bibliographic footnotes, Genre: Lectures, Other Names: Rolleston, George, 1829-1881 (Inscriber), Class Number: C06.091.4, priref: 40146</t>
  </si>
  <si>
    <t>George Rolleston</t>
  </si>
  <si>
    <t>Endocarditis lenta: Zugleich ein Beitrag zur Artunterscheidung der pathogenen Streptokokken</t>
  </si>
  <si>
    <t>22. MÃ¤rz 1910</t>
  </si>
  <si>
    <t>Corporate Author: People's Journal, Publication Statement: Printed by J. Leng, Dimensions: 22 cm, General Note: Photocopy., Class Number: 614.21(412.5), priref: 200004469</t>
  </si>
  <si>
    <t>Hugo SchottmÃ¼ller</t>
  </si>
  <si>
    <t>On the Medical Evidence of Death from Drowning, in Relation to the Case of W. B. Kirwan</t>
  </si>
  <si>
    <t>MDCCCLIII</t>
  </si>
  <si>
    <t>Hodges &amp; Smith</t>
  </si>
  <si>
    <t>Statement of Responsibility: by the Rev. Wm. Hume-Rothery, Dimensions: 22 cm, priref: 31393</t>
  </si>
  <si>
    <t>Presidential Address to the Royal College of Physicians</t>
  </si>
  <si>
    <t>On Detaching the Placenta in Some Cases of Placenta Praevia</t>
  </si>
  <si>
    <t>Nov. 21, 1845</t>
  </si>
  <si>
    <t>November 21, 1845</t>
  </si>
  <si>
    <t>Statement of Responsibility: by E. Peart, Publication Statement: Printed for W. Miller, Dimensions: 21 cm, Collection: UK Medical Heritage Library, Websites: &lt;a href=http://wellcomelibrary.org/player/b28523131""&gt;View online via the Wellcome Library&lt;/a&gt;; &lt;a href=""https://archive.org/details/rcplondon?&amp;and=b28523131""&gt;View online via the Internet Archive&lt;/a&gt;; &lt;a href=""https://ukmhl.historicaltexts.jisc.ac.uk/ukmhl-b28523131""&gt;View online via Jisc Historical Texts&lt;/a&gt;"", priref: 24684</t>
  </si>
  <si>
    <t>Thomas Radford</t>
  </si>
  <si>
    <t>FrÃ¨re Jacques</t>
  </si>
  <si>
    <t>Statement of Responsibility: by Robert E. Kelly, Dimensions: 21 cm, General Note: Photocopy, Genre: Biographies, Class Number: 92 BEA, priref: 200003291</t>
  </si>
  <si>
    <t>Sir Robert Ernest Kelly</t>
  </si>
  <si>
    <t>Case of Poison by Arsenic</t>
  </si>
  <si>
    <t>Statement of Responsibility: Communicated by Mr. Soden., Publication Statement: 1811, Dimensions: 22 cm, Bibliographical Note: Catalogued from head of text; Extracted from: London Medical Review, April 1811; Bound in volume lettered Medico-legal tracts, 5 (MLT 5)., priref: 60475</t>
  </si>
  <si>
    <t>John Smith Soden</t>
  </si>
  <si>
    <t>An Attempt to Reconcile All Differences between the Present Fellows and Licentiates of the Royal College of Physicians in London [Anonymous]</t>
  </si>
  <si>
    <t>Publication Statement: 1753(?), Dimensions: 23 cm, Binding Method: Hardback, Bibliographical Note: Manuscript notes throughout., Class Number: C9, priref: 15472</t>
  </si>
  <si>
    <t>Edward Hody</t>
  </si>
  <si>
    <t>English Medicine in the Anglo-Saxon Times: Two Lectures Delivered before the Royal College of Physicians of London, June 23 and 25,1903</t>
  </si>
  <si>
    <t>Statement of Responsibility: by Joseph Frank Payne, Corporate Author: Royal College of Physicians of London, Illustrations: illustrations, facsimile, Dimensions: 23 cm, Provenance: Autograph: Payne, Joseph Frank (3148), Series: FitzPatrick lectures, Series Number: 1903, Bibliographical Note: Includes bibliographical references, Genre: Lectures, Class Number: C042, priref: 24418</t>
  </si>
  <si>
    <t>Dissertation. physicar. v de pulvere pyrio â€¦ secunda</t>
  </si>
  <si>
    <t>Viduae J. P. Bockenhoffer (typis)</t>
  </si>
  <si>
    <t>Dimensions: 21 cm, priref: 10611</t>
  </si>
  <si>
    <t>Nicolaus Fossius</t>
  </si>
  <si>
    <t>D. m. aegrum haemoptysi laborantem exhibens</t>
  </si>
  <si>
    <t>Junii MDCLXXIX</t>
  </si>
  <si>
    <t>June, 1679</t>
  </si>
  <si>
    <t>Statement of Responsibility: by J. Matthews Duncan, Publication Statement: Printed by Oliver and Boyd, Dimensions: 22 cm, General Note: Reprinted from the, 'Edinburgh Medical Journal', volume 8, November 1862, p. 418-30., priref: 9592</t>
  </si>
  <si>
    <t>Julius Albert Stockhausen</t>
  </si>
  <si>
    <t>Oratio ex Harveii instituto habita in aedibus Collegii Regalis Medicorum Londinensis, A. D. MDCCCXXXIX</t>
  </si>
  <si>
    <t>A. Spottiswoode</t>
  </si>
  <si>
    <t>Publication Statement: 1839(?), Dimensions: 28 cm, Binding Method: Hardback, Provenance: Autograph: Latham, Peter Mere; Association: Ormerod, T.J., Series: Harveian oration, Series Number: 1839, Genre: Lectures, Other Names: Latham, P. M. (Peter Mere), 1789-1875 (Inscriber); Ormerod, T.J. (Associated name), Class Number: C06.091.4, priref: 18918</t>
  </si>
  <si>
    <t>Peter Mere Latham</t>
  </si>
  <si>
    <t>D. m. i. de syphilidis tractione sine hydrargyro</t>
  </si>
  <si>
    <t>Statement of Responsibility: being the aphorisms of Sanctorius ; translated into English with large explanations., Publication Statement: MDCCXX, Illustrations: ill., engr., Dimensions: 20 cm, Binding: In half calf with embossed marbled boards.; Autograph, fly-leaf recto: Ex Lib. Jacobi Predam 1817; Autograph, fly-leaf recto: Presented to the Heberden Society by WC Buckley Charles William Buckley 1948; Autograph on frontis.: N. Luscombe.; Autographs on title-page: bleeched and crossed out , unidentified, Provenance: In half calf with embossed marbled boards.; Autograph, fly-leaf recto: Ex Lib. Jacobi Predam 1817; Autograph, fly-leaf recto: Presented to the Heberden Society by WC Buckley Charles William Buckley 1948; Autograph on frontis.: N. Luscombe.; Autographs on title-page: bleeched and crossed out , unidentified, Bibliographical Note: Medico-physical essays (1724) has its own title page; Keil's aphorisms, p 321-344 of Sanctorius; With engraved intials, head and tailpieces; Includes index., Collection: Heberden, priref: 48104</t>
  </si>
  <si>
    <t>James Bartlet</t>
  </si>
  <si>
    <t>The Spiritual Chymist: or, Six Decads of Divine Meditations on Several Subjects</t>
  </si>
  <si>
    <t>Dimensions: 18 cm, Provenance: Association: Spurstowe, Sarah; Autograph: Wilkinson, Henry, Bibliographical Note: Wing S5097.; MS. notes., Class Number: 24, priref: 30239</t>
  </si>
  <si>
    <t>The Urinal of Physick: Whereunto Is Added an Ingenious Treatise, Concerning Physitians, Apothecaries, and Chyrurgians, Set Forth by a Dr. In Queen Elizabeths Dayes [I. E. John Securis]. With a Translation of Papius Ahalsossa Concerning Apothecaries Confecting Their Medicinesâ€¦</t>
  </si>
  <si>
    <t>G. D [Awson]</t>
  </si>
  <si>
    <t>Statement of Responsibility: by Robert Record, Dimensions: 15 cm, Bibliographical Note: Wing R652.; MS.notes., Class Number: 61, priref: 26164</t>
  </si>
  <si>
    <t>De natura lucis exercitatio physica</t>
  </si>
  <si>
    <t>Lankisianis (literis)</t>
  </si>
  <si>
    <t>Dimensions: 21 cm, priref: 19274</t>
  </si>
  <si>
    <t>Johann Christoph Lichtner</t>
  </si>
  <si>
    <t>D. de avro potabili</t>
  </si>
  <si>
    <t>MDCCV</t>
  </si>
  <si>
    <t>Gerdesiano (prelo)</t>
  </si>
  <si>
    <t>Publication Statement: 1705, Dimensions: 23cms, Bibliographical Note: Dissertation. T.G.Berger praeses., priref: 28952</t>
  </si>
  <si>
    <t>Johann Gottfried von Berger</t>
  </si>
  <si>
    <t>A New Year's Tract: Who Can Bend the Bow</t>
  </si>
  <si>
    <t>Scottish Temperance League</t>
  </si>
  <si>
    <t>Statement of Responsibility: By John Marten., Dimensions: 19 cm, Binding: Rebound in plain grey boards with vellum spine. New endpapers, Bibliographical Note: Referenced: ESTC, T022740, Collection: Heberden, priref: 48015</t>
  </si>
  <si>
    <t>De thermis Andreae Baccii elpidiani, medici, atque Philosophi, ciuis Romani, libri septem. opus locuplentissimum, non solÃ¹m medicis neccessarium, verumetiam studiosis variorum rerum naturae perutile</t>
  </si>
  <si>
    <t>Publication Statement: Venetiis, M D LXXI. Apud Vincentium Valgrisium, Illustrations: woodcut illustration, Dimensions: 31 cm, Binding: Contemporary blind-stamped vellum binding with five raised bands., Provenance: Copy 9427: Roberts and Watson note that 'it is unsigned but has a few annotations, mainly in bk. 5 ch. 12. De acquis atramentosis naturalibus"". Lettered down fore-edge in Dee's hand, Series: and bound in contemporary vellum with a blind-stamped shield'."", Bibliographical Note: Printer's device on title page.; Woodcuat plan of the Diocletian baths, between pages 442 and 444.; Copy 9427: Dorchester No. D88/7, Summary: Copy 9427: Roberts and Watson, 188, Preservation Note: Latin, Collection: Scholar, courtier, magician : the lost library of John Dee, Other Names: Printers' devices; Vellum bindings; Annotations; Woodcut illustrations; Blind tooled bindings; Edge titles; Raised bands, Class Number: Dee, John, 1527-1608 (Former owner); Dorchester, Henry Pierrepont, Marquis of, 1606-1680 (Donor), Continues: 615, Child: 2498</t>
  </si>
  <si>
    <t>Andrea Bacci</t>
  </si>
  <si>
    <t>Federici Bonaventurae â€¦ Anemologiae pars prior. : Id est De affectionibus, signis, causisque ventorum ex Aristotele, Theophrasto, ac Ptolemaeo tractatus â€¦</t>
  </si>
  <si>
    <t>MDLXXXXIII</t>
  </si>
  <si>
    <t>Apud Bartholomaeum, &amp; Simonem Ragusios fratres</t>
  </si>
  <si>
    <t>Dimensions: 17 cm, Collection: Dorchester, priref: 35893</t>
  </si>
  <si>
    <t>Federicus Bonaventura</t>
  </si>
  <si>
    <t>Dr. JOSEPH V. SONTHEIMER</t>
  </si>
  <si>
    <t>Tabvlae celestium motuum earumque canones</t>
  </si>
  <si>
    <t>Bevilaqua, Simon</t>
  </si>
  <si>
    <t>Publication Statement: Impressum itaque Solertia et cura non mediocri Symonis biuilaque papiensis anno 1495 die 10 Junii. Venetiis, Illustrations: tables, Dimensions: 21, 22 cm, Binding: Copy number 7232: 20th-century half goatskin rebind over marble paper, with sprinkled edges., Provenance: Copy number 7232: There is a name bleached from the title page. Roberts and Watson notes that 'there are no Dee notes, but it may be his'.; Copy number 7232: former shelf-mark on first extant leaf (sig. a2): 'Z-150', General Note: Imprint from colophon; Printer's device on last leaf; Copy number 7232: Dorchester number D28/17; Copy number 7232: leaves 1-26 (all of sigs A to C) missing, Citation Note: Copy number 7232: Roberts and Watson, 606; H*3233; BMv,520; K188.1; GW4410; ISTC ib00697000, Collection: Dorchester; John Dee, Genre: Shelf marks; Incunabula; Printers' devices; Sprinkled edges; Goatskin bindings; Marbled papers, Class Number: 93, priref: 3714</t>
  </si>
  <si>
    <t>Giovanni Bianchini</t>
  </si>
  <si>
    <t>Observations upon the Evidence Taken before the Committee of the Hon. House of Commons for Regulating Mad-Houses</t>
  </si>
  <si>
    <t>Printed by H. Bryer</t>
  </si>
  <si>
    <t>Illustrations: Illus, Dimensions: 46,47,48cms, Bibliographical Note: Three copies.; One copy does not have a title-page.; Bound with the author's book, 'Prodromo della grande anatomia', 1819., Class Number: 611, priref: 20922, Child: 20919</t>
  </si>
  <si>
    <t>Dr. Thomas Monro</t>
  </si>
  <si>
    <t>Report of the Deputation to the Secretary of State for India, 2nd June, 1880</t>
  </si>
  <si>
    <t>Illustrations: tables, Dimensions: 34 cm, Class Number: 614.25(54), priref: 17505</t>
  </si>
  <si>
    <t>ArithmeticÃ¦ practicÃ¦ methodvs facilis â€¦</t>
  </si>
  <si>
    <t>G. Bontium (apud)</t>
  </si>
  <si>
    <t>Dimensions: 15 cm, Provenance: Autograph on title page: unidentified (scrubbed out); Annotation on title page: unidentified drawing, Collection: Dorchester, Genre: Illegible markings; Annotations, Images: CN 7548-Arithmeticae practicae_Gemma, 1547.JPG, priref: 36961</t>
  </si>
  <si>
    <t>An Act (11 and 12 Vict. Cap. 123) to Renew and Amend an Act â€¦ for the More Speedy Removal of Certain Nuisances and the Prevention of Contagious and Epidemic Diseases</t>
  </si>
  <si>
    <t>Printed by George E. Eyre and William Spottiswoode</t>
  </si>
  <si>
    <t>Dimensions: 22 cms, priref: 35023</t>
  </si>
  <si>
    <t>A Detection of the Proceedings and Practices of the Royal African Company of England, From... 1672 to 1748; with Remarks On... The British Forts and Settlements on the Coast of Guiney, and the Necessity of Speedily Putting Them upon a Proper Establishment</t>
  </si>
  <si>
    <t>T. Warner</t>
  </si>
  <si>
    <t>Dimensions: 22 cm, priref: 8441</t>
  </si>
  <si>
    <t>Chronological List of the Royal Company of Scottish Archers</t>
  </si>
  <si>
    <t>Printed by P. Neili</t>
  </si>
  <si>
    <t>Illustrations: Illus., Dimensions: 22 cms, priref: 26371</t>
  </si>
  <si>
    <t>The Foundations and Aims of Modern Pediatrics</t>
  </si>
  <si>
    <t>Statement of Responsibility: by Dr Theodore Von Escerich, Dimensions: 21 cm, Class Number: 616-053.2, priref: 200001866</t>
  </si>
  <si>
    <t>Theodore von Escherich</t>
  </si>
  <si>
    <t>Early Anatomical Instruction at Edinburgh</t>
  </si>
  <si>
    <t>Oliver and Boyd, Printers</t>
  </si>
  <si>
    <t>Statement of Responsibility: J. W Ballantyne, Binding Method: Hardback, Provenance: Donated by J. W. Ballantyne, Other Names: Ballantyne, J. W. (John William), 1861-1923 (Donor), Class Number: 2.5472222222, priref: 200000595</t>
  </si>
  <si>
    <t>John Dixon Comrie</t>
  </si>
  <si>
    <t>Jaundice from Non-Elimination, Together with Remarks on the Pathological Condition and Chemical Nature of the Bile</t>
  </si>
  <si>
    <t>Printed by John Stark</t>
  </si>
  <si>
    <t>Publication Statement: 1850, Dimensions: 22 cm, Bibliographical Note: Incomplete number; Bound in Medico-legal Tracts, 16., Summary: Contents: Fraudulent uses of sulphuric acid., Class Number: 340.6, priref: 19032</t>
  </si>
  <si>
    <t>William Henry Lowe</t>
  </si>
  <si>
    <t>A Letter to Dr. Cheyne, Containing an Account of the Motion of Water through Orifices and Pipes; and an Answer to Dr. Morgan's Remarks on Dr. Robinson's Treatise of the Animal Oeconomy</t>
  </si>
  <si>
    <t>G. Ewing</t>
  </si>
  <si>
    <t>Dimensions: 18 cm, Bibliographical Note: Another copy at Bedford 236, bound with A Continuation of a treatise of the animal oeconomy. 1737., priref: 27450</t>
  </si>
  <si>
    <t>Bryan Robinson</t>
  </si>
  <si>
    <t>Some Reasons Given against an Opinion That a Person Infected with the Small-Pox May Be Cured by Antidote without Incurring the Distemper: With an Attempt to Explain the Manner of the Propagation and Eruption of the Small-Pox from the Practice of Inoculation; and Why This Distemper, Taken, by Common Infection, in the Natural Way, Proves so Much More Fatal than That Which Is Given by Inoculation</t>
  </si>
  <si>
    <t>J. Wilkie</t>
  </si>
  <si>
    <t>Statement of Responsibility: by Thomas Frewen, Publication Statement: printed for J. Wilkie, at the Bible, in St. Paul's Church-Yard, MDCCLIX, Dimensions: 21 cm, General Note: P.39 damaged., priref: 11482</t>
  </si>
  <si>
    <t>Thomas Frewen</t>
  </si>
  <si>
    <t>Cases of Poisoning by Corrosive Sublimate</t>
  </si>
  <si>
    <t>Statement of Responsibility: By Alfred S. Taylor., Publication Statement: c.1843, Dimensions: 22 cm, Bibliographical Note: Half-title page reads: Cases of Poisoning. By Alfred S. Taylor; Title taken from head of text; Reprinted from: Guy's Hospital Report; Bound in volume lettered: Medico-legal tracts, 2., Class Number: 340.6, priref: 31376</t>
  </si>
  <si>
    <t>A Case of Poisoning by Atropin</t>
  </si>
  <si>
    <t>JANUARY 1852</t>
  </si>
  <si>
    <t>January, 1852</t>
  </si>
  <si>
    <t>Statement of Responsibility: By James Andrew., Publication Statement: 1852?, Dimensions: 22 cm, Bibliographical Note: 'From the monthly journal of medical science, for January 1852'; Bound in volume lettered Medico-legal tracts, 5 (MLT 5)., Class Number: 340.6, priref: 1660</t>
  </si>
  <si>
    <t>Claudii Galeni Methodus medendi</t>
  </si>
  <si>
    <t>Ex officina Claudij Cheuallonij</t>
  </si>
  <si>
    <t>Statement of Responsibility: Thoma Linacro interprete, Dimensions: 17 cm., Provenance: MS. notes, General Note: Title page in red and black; Translation of: Therapeutiikhes methodon biblia, Genre: Annotations, Other Names: Linacre, Thomas, 1460-1524 (Translator), Class Number: 61, priref: 12640</t>
  </si>
  <si>
    <t>The Harveian Oration: Delivered before the Royal College of Physicians, October 18th, 1893</t>
  </si>
  <si>
    <t>Ash &amp; Co.</t>
  </si>
  <si>
    <t>Statement of Responsibility: by P.H. Pye-Smith, Dimensions: 18 cm, Binding Method: Hardback, Series: Harveian oration, Series Number: 1893, Bibliographical Note: Includes bibliographical references, Collection: UK Medical Heritage Library, Genre: Lectures, Class Number: C06.091.4, Websites: &lt;a href=https://archive.org/details/rcplondon?&amp;and=b24975904""&gt;View online via the Internet Archive&lt;/a&gt;; &lt;a href=""http://wellcomelibrary.org/player/b24975904""&gt;View online via the Wellcome Library&lt;/a&gt;; &lt;a href=""https://ukmhl.historicaltexts.jisc.ac.uk/ukmhl-b24975904""&gt;View online via Jisc Historical Texts&lt;/a&gt;"", priref: 25198</t>
  </si>
  <si>
    <t>Philip Henry Pye-Smith</t>
  </si>
  <si>
    <t>A Letter to Dr. Hooker from Dr. Acland [Advocating the Placing of the Botanical Collections and Gardens in Proximity to the Other Scientific Collections of the University]</t>
  </si>
  <si>
    <t>James Parker and Co.</t>
  </si>
  <si>
    <t>Statement of Responsibility: Henry W. Acland, Dimensions: 21 cm, Genre: Biographies, Class Number: 92 ACL, priref: 1352</t>
  </si>
  <si>
    <t>Sillanus super nono Almansoris. Almansoris liber nonus cum Sillani â€¦ expositione: nec non in eundem P. de Tussignano â€¦ receptis â€¦ (Gothic letter)</t>
  </si>
  <si>
    <t>[L. de Giunta (imp.)]</t>
  </si>
  <si>
    <t>Statement of Responsibility: interprete Claudio Maltreto ; opera &amp; studio Petri Possini, Publication Statement: Cramoisy, SÃ©bastien, 1585-1669, M.DC.LXII actually 1661-M.DC.LXIII, Dimensions: 44 cm, Binding: Binding: Full sprinkled calf, gilt lines and florets, rebacked, Series: Corpus Byzantinae historiae (Paris, France), Series Number: v. 2, Bibliographical Note: Title from collective half title; each part has special t.p; Procopius edited by C. Maltret; Bryennius by P. Poussines; Greek text with Latin translation in parallel columns; Colophon at end of t. 2, pt. 2: Parisiis, In Typographia Regia, curante Sebastiano Cramoisy, Regis ac Reginae architypographo. M.DC.LXIII. Colophon at end of Commentaries: Parisiis, In Typographia Regia, curante Sebastiano Cramoisy, Regis ac Reginae architypographo. M.DC.LXI; Contents: v.1. Prokopiou Kaisareos ton kat'auton historion biblia okto = Historiarum sui temporis libri VIII (1662). - v.2 pt.1. Prokopiou Kaisareos Peri ton tou despotou Ioustinianou ktismaton logio hex. = Procopii Caesariensis De aedificiis Dn. Iustiniani libri sex.(1663). - v.2 pt.2. Prokopiou Kaisareos Anekdota. = Procopii Caesariensis Arcana historia. Qui est liber nonus Historiarum. (1663). Nikephorou Kaisaros tou Bryenniou hyle Historias. = Nicephori Caesaris Bryennij commentarij de rebus Byzantinis (1661); Engraved vignette (arms of Louis XIV) on tp; engraved head- and tail-pieces and initials.; V. 2 pt. 2 has preliminary half-title, reading 'Procopii Caesariensis viri illustris Anecdota', apparently printed on leaf p4 of v. 2 pt. 1; Copy: The Bryennius Commentarii de rebus Byzantinis is bound at the front of v.2 instead of at the end., Other Names: Maltret, Claude, 1621-1674 (Editor); Poussines, Pierre, 1609-1686 (Editor), priref: 39829</t>
  </si>
  <si>
    <t>Abu Bakr Muhammad ibn Zakariya Razi, , Petrus de Tussignanus</t>
  </si>
  <si>
    <t>Elucidatio fabricae ususque astrolabii</t>
  </si>
  <si>
    <t>MDXXIIII</t>
  </si>
  <si>
    <t>[J. Cobelii (in aedibus)]</t>
  </si>
  <si>
    <t>Collected Papers on Physical and Military Training</t>
  </si>
  <si>
    <t>Statement of Responsibility: by Sir Lauder Brunton, bart., Publication Statement: 1889-1915, Illustrations: illustrations, Dimensions: 22 cm, Binding Method: Hardback, Provenance: Autograph: Baden-Powell, Robert (Sir).; Autograph: Brunton, Thomas Lauder (Sir)., General Note: Contains autograph letters from Sir R. Baden-Powell., Bibliographical Note: Bibliography., Other Names: Baden-Powell of Gilwell, Robert Stephenson Smyth Baden-Powell, Baron, 1857-1941 (Inscriber); Brunton, T. Lauder (Thomas Lauder), 1844-1916 (Inscriber), Class Number: C08 BRU, priref: 5299</t>
  </si>
  <si>
    <t>Sir Thomas Lauder Brunton</t>
  </si>
  <si>
    <t>Disputatio medica pathologica de comate et caro</t>
  </si>
  <si>
    <t>Dimensions: 27 cm, Provenance: Autograph: Baillie, Matthew, Other Names: Baillie, Matthew, 1761-1823 (Donor), priref: 1915</t>
  </si>
  <si>
    <t>Ernest Barnstorf</t>
  </si>
  <si>
    <t>Report of the Directors to the Proprietors, Relative to the Recent Tenders for the Australian Postal Service</t>
  </si>
  <si>
    <t>Nissen &amp; Parker</t>
  </si>
  <si>
    <t>Statement of Responsibility: by A. J. Payne, Publication Statement: 186-?, Dimensions: 22 cm, General Note: Caption title.; Bound in volume lettered Medico-legal tracts, 13., Bibliographical Note: Bibliography., Collection: UK Medical Heritage Library, Class Number: 340.6, Websites: &lt;a href=http://wellcomelibrary.org/player/b28270381""&gt;View online via the Wellcome Library&lt;/a&gt;; &lt;a href=""https://archive.org/details/rcplondon?&amp;and=b28270381""&gt;View online via the Internet Archive&lt;/a&gt;; &lt;a href=""https://ukmhl.historicaltexts.jisc.ac.uk/ukmhl-b28270381""&gt;View online via Jisc Historical Texts&lt;/a&gt;"", priref: 24413</t>
  </si>
  <si>
    <t>Propempticon inaugurale de cephalalgia iliaco-haematitica, [cum vita candidati J. C. Tieffenbach]</t>
  </si>
  <si>
    <t>Statement of Responsibility: by Charles Brooke, Publication Statement: M DCCC LXVII, Dimensions: 18 cm, Bibliographical Note: Bibliography., Other Names: Farre, Arthur, 1811-1887 (Associated name), priref: 4942</t>
  </si>
  <si>
    <t>Johann Conrad Tieffenbach</t>
  </si>
  <si>
    <t>Memoir of A. T. Thomson</t>
  </si>
  <si>
    <t>Printed for Private Circulation</t>
  </si>
  <si>
    <t>Dimensions: 26 cm, General Note: Typed copy of a privately printed anonymous pamphlet, Genre: Biographies, Class Number: 92 THO, priref: 22137</t>
  </si>
  <si>
    <t>Matthew Dobson, Physician to the Liverpool Infirmary, 1770-1780: One Who Extended the Confines of Knowledge</t>
  </si>
  <si>
    <t>Statement of Responsibility: Owen T. Williams, Dimensions: 20 cm, General Note: Photocopy, Bibliographical Note: Bibliography, Class Number: 92 DOB, priref: 200006437</t>
  </si>
  <si>
    <t>Owen Thomas Williams</t>
  </si>
  <si>
    <t>Medico-Legal Investigation: Child Murder</t>
  </si>
  <si>
    <t>Statement of Responsibility: By Robert Wiseman., Publication Statement: 1855, Dimensions: 22 cm, Bibliographical Note: Caption title; Extracted from: Edinburgh medical journal, v. 1, no. 6, 1855; Bound in volume lettered Medico-legal tracts, 11., priref: 60499</t>
  </si>
  <si>
    <t>Robert Wiseman</t>
  </si>
  <si>
    <t>D. physica de mundo et caelo</t>
  </si>
  <si>
    <t>J. Heitmulleri (typis)</t>
  </si>
  <si>
    <t>Dimensions: 23 cm, Bibliographical Note: Dissertation., Other Names: Kinderling, Andreas (Praeses), priref: 19336</t>
  </si>
  <si>
    <t>Johann Jacob Limbertus</t>
  </si>
  <si>
    <t>Richard Brocklesby, M. D., F. R. C. P., F. R. S.: Physician to the Forces and Afterwards Physician-General to the Ordnance</t>
  </si>
  <si>
    <t>August, 1911</t>
  </si>
  <si>
    <t>Statement of Responsibility: H. A. L. Howell, Illustrations: illustration, 1 portrait, Dimensions: 25 cm, Binding Method: Paperback, Genre: Biographies, Class Number: 92 BRO, priref: 200002940</t>
  </si>
  <si>
    <t>Harry Arthur Leonard Howell</t>
  </si>
  <si>
    <t>[Recherches expÃ©rimentales sur l'empoisonnement lent par l'acÃ©tate de morphine</t>
  </si>
  <si>
    <t>Imprimerie de P. Gueffier</t>
  </si>
  <si>
    <t>Dimensions: 17 cm, Collection: UK Medical Heritage Library, Websites: &lt;a href=http://wellcomelibrary.org/player/b28405407""&gt;View online via the Wellcome Library&lt;/a&gt;; &lt;a href=""https://archive.org/details/rcplondon?&amp;and=b28405407""&gt;View online via the Internet Archive&lt;/a&gt;; &lt;a href=""https://ukmhl.historicaltexts.jisc.ac.uk/ukmhl-b28405407""&gt;View online via Jisc Historical Texts&lt;/a&gt;"", priref: 7728</t>
  </si>
  <si>
    <t>Eugene Henri Desportes</t>
  </si>
  <si>
    <t>On Animal Charcoal as an Antidote</t>
  </si>
  <si>
    <t>Statement of Responsibility: By B. Howard Rand., Publication Statement: 1848, Dimensions: 22 cm, Bibliographical Note: Catalogued from head of text; Extracted from: Med. Examiner Record med. Sci, no. 45 (Sep. 1848); Bound in volume lettered Medico-legal tracts, 5 (MLT 5)., Class Number: 340.6, priref: 26489</t>
  </si>
  <si>
    <t>Howard Rand</t>
  </si>
  <si>
    <t>Annotationes in quatuor &amp; viginti Pandectarum libros â€¦</t>
  </si>
  <si>
    <t>MDXLIII</t>
  </si>
  <si>
    <t>Dimensions: 14 cm, Collection: Dorchester, priref: 35982</t>
  </si>
  <si>
    <t>Della osseruanza militare</t>
  </si>
  <si>
    <t>C. and R. Borgomineri</t>
  </si>
  <si>
    <t>Statement of Responsibility: del capitan Francesco Ferretti d'Ancona, caualliere di s. Stefano, libri due. Nel primo de' quali ordinatamente si ragiona de costumi, et delle migliori regole, che deue apprendere, et osseruare colui, che disegna d'essere meriteuolmente segnalato soldato. Nel secondo per uia d'opinione si discorre intorno a molte cose necessarie a douersi operare da cosi fatto soldato, per compito seruigio del suo signore, &amp; della guerra. Con due tauole, una de' capitoli principali, l'altra delle cose piÃ¹ notabili contenute nella presente opera., Publication Statement: In Venetia : appresso Camillo &amp; Rutilio Borgomineri fratelli, al segno di s. Giorgio, 1568, Illustrations: woodcut illustrations, Dimensions: 21 cm, Binding: Contemporary vellum binding on four sewing supports., Provenance: Copy 7647: Roberts and Watson note that this copy 'has no marks, but is probably Dee's'.; Copy number 7647: former shelfmark on upper flyleaf: 'R-147'., General Note: Copy 7647: Dorchester No. D19/7, Citation Note: Copy 7647: Roberts and Watson, 2124, Exhibition Note: Scholar, courtier, magician : the lost library of John Dee, Collection: John Dee; Dorchester, Genre: Woodcut illustrations; Vellum bindings; Shelf marks, Other Names: Dorchester, Henry Pierrepont, Marquis of, 1606-1680 (Donor), priref: 36785</t>
  </si>
  <si>
    <t>The Harveian Oration on Advances in Knowledge regarding the Circulation and Attributes of the Blood since Harvey's Time: Delivered before the Royal College of Physicians of London on October 19,1914</t>
  </si>
  <si>
    <t>October 24 and 31, 1914</t>
  </si>
  <si>
    <t>Statement of Responsibility: by Richard Douglas Powell, Dimensions: 22 cm, Binding Method: Hardback, Series: Harveian oration, Series Number: 1914, General Note: Reprinted from the Lancet, 24 and 31 October 1914., Bibliographical Note: Includes bibliographical references, Collection: UK Medical Heritage Library, Genre: Lectures, Class Number: C06.091.4, Websites: &lt;a href=https://archive.org/details/rcplondon?&amp;and=b24975965""&gt;View online via the Internet Archive&lt;/a&gt;; &lt;a href=""http://wellcomelibrary.org/player/b24975965""&gt;View online via the Wellcome Library&lt;/a&gt;; &lt;a href=""https://ukmhl.historicaltexts.jisc.ac.uk/ukmhl-b24975965""&gt;View online via Jisc Historical Texts&lt;/a&gt;"", priref: 26089</t>
  </si>
  <si>
    <t>The Harveian Oration Delivered before the Royal College of Physicians of London on October 18,1901</t>
  </si>
  <si>
    <t>Publication Statement: 1929?, Illustrations: charts, Dimensions: 25 cm, Provenance: Association: Legge, Thomas Morison (Sir), Bibliographical Note: Bibliography; Delivered before Royal Soc. of Arts, Feb.-March 1929, Collection: Donald Hunter, priref: 21513</t>
  </si>
  <si>
    <t>Oratio anniversaria in Theatro Collegii Regalis Medicorum Londinensium: Ex HarvÃ¦i instituto habita die xviii Octobris, 1792</t>
  </si>
  <si>
    <t>xviii octobris 1792</t>
  </si>
  <si>
    <t>October 18, 1792</t>
  </si>
  <si>
    <t>James Dodsley</t>
  </si>
  <si>
    <t>D. m. de sanguificatione laesa â€¦ sub praesidio F. de le B. Sylvii â€¦</t>
  </si>
  <si>
    <t>Publication Statement: 1716, Dimensions: 22 cm, Bibliographical Note: Dissertation. G.A.Appenrodt respondent, Other Names: Alberti, Michael (Praeses); Appenrodt, Georg Andreas (Respondent), priref: 1063</t>
  </si>
  <si>
    <t>Oratio de Thoma Linacro britanno</t>
  </si>
  <si>
    <t>Publication Statement: 1687, Dimensions: 20 cm, Bibliographical Note: Dissertation. G.W. Wedel praeses., priref: 2408</t>
  </si>
  <si>
    <t>Michael Barth</t>
  </si>
  <si>
    <t>The First Report of the Society for the Suppression of Mendicity and the Relief of Distressed Travellers, within the Borough of Hastings, for the Year Ending Dec. 31,1855</t>
  </si>
  <si>
    <t>Printed by Geo. P. Bacon</t>
  </si>
  <si>
    <t>Illustrations: Ill., Dimensions: 24 cm, Bibliographical Note: Bibliography; Repr. from N.Y.med.J. - Vol.15, no.4 (April 1872)., priref: 29729</t>
  </si>
  <si>
    <t>44.7426834,-92.8519162</t>
  </si>
  <si>
    <t>Respiratory Efficiency in Relation to Health and Disease</t>
  </si>
  <si>
    <t>The Lancet Offices</t>
  </si>
  <si>
    <t>Dimensions: 22 cm, Series: Milroy lectures, Series Number: 1921, General Note: Reprinted from The Lancet, 1921, volume 2, pages 593-599, 637-641, 693-696, 741-744, Genre: Lectures, Class Number: C042, priref: 36846</t>
  </si>
  <si>
    <t>D. m. i. de passione hysterica</t>
  </si>
  <si>
    <t>MDCCXXIII</t>
  </si>
  <si>
    <t>A. Sas &amp; A. Olofs (apud viduam)</t>
  </si>
  <si>
    <t>Publication Statement: 1705, Dimensions: 20 cms, Bibliographical Note: Dissertation, Other Names: Starcken, Johann Georg Wilhelm (Respondent); Wagner, Rudolph Christian (Praeses), priref: 30494</t>
  </si>
  <si>
    <t>Eric Victorin</t>
  </si>
  <si>
    <t>A Relation of a Very Extraordinary Sleeper, at Tinsbury, near Bath; with a Dissertation on the Doctrine of Sensation, the Powers of the Soul, and Its Several Operations</t>
  </si>
  <si>
    <t>Bell, Andrew, 1726-1809</t>
  </si>
  <si>
    <t>Publication Statement: printed for A. Bell, Dimensions: 20 cm, priref: 23966</t>
  </si>
  <si>
    <t>William Oliver</t>
  </si>
  <si>
    <t>Petri Pomponatii philosophi et theologi doctrina et ingenio praestantissimi, Opera: De naturalium effectuum admirandorum causis, seu, de incantationibus liber. Item de fato: libero arbitrio: praedestinatione: prouidentia Dei, libri V. In quibus difficillima capita &amp; quaestiones theologicae &amp; philosophicae ex sana orthodox[a]e fidei doctrina explicantur, &amp; multis raris historijs passim illustrantur, per autorem, qui se in omnibus canonicae scripturae sanctorumq[ue] doctorum iudicio submittit</t>
  </si>
  <si>
    <t>Petrina, Heinrich</t>
  </si>
  <si>
    <t>Publication Statement: Basileae : Ex officina Henricpetrina, Anno M.D.LXVII mense Martio, Dimensions: 16 cm, Provenance: Copy 10102: Roberts and Watson note that it 'has no marks but is probably Dee's'., General Note: Copy 10102: Dorchester No. D136/10, Citation Note: Copy 10102: Roberts and Watson, 1047, Collection: John Dee; Dorchester, Other Names: Dorchester, Henry Pierrepont, Marquis of, 1606-1680 (Donor), priref: 39651</t>
  </si>
  <si>
    <t>Pietro Pomponazzi</t>
  </si>
  <si>
    <t>Que hoc volumine contine[n]tur. Liber de intellectu. Liber de sensu. Liber de nichilo. Ars oppositorum. Liber de generatione. Liber de sapiente. Liber de duodecim numeris Epistole complures. Insup[er] mathematicu[m] opus quadripartitu[m]. De numeris perfectis. De mathematicis rosis. De geometricis corporibus. De geometricis supplementis</t>
  </si>
  <si>
    <t>Estienne, Henri</t>
  </si>
  <si>
    <t>Carolus Bovillus</t>
  </si>
  <si>
    <t>Medicine in England during the Reign of George III: the Fitzpatrick Lectures Delivered at the Royal College of Physicians 1917-1918</t>
  </si>
  <si>
    <t>Statement of Responsibility: by Arnold Chaplin, Dimensions: 23 cm, Binding Method: Hardback, Provenance: Book-plate: Rolleston, Humphry Davy, Sir; Autograph: Chaplin, Thomas Hancock Arnold, Series: FitzPatrick lectures, General Note: A list of periodical publications devoted to medicine during the reign of George III, pages 139-141; Includes an attached letter from the author, Bibliographical Note: Bibliography, Genre: Book-plates; Lectures, Other Names: Rolleston, Humphry Davy, Sir, 1862-1944 (Donor), Class Number: C042, priref: 6174</t>
  </si>
  <si>
    <t>Platonis cum Aristotele in vniuersa philosophia, comparatio: QuÃ¦ hoc commentario, in Alcinoi institutionem ad eiusdem Platonis doctrinam, explicatur</t>
  </si>
  <si>
    <t>Rerum ab origine mundi ad ipsius usque tempora gestarum libri octo; eiusdem de gestis Friderici primi Aenobarbi Caes. Aug. libri duo; Radevici libri duo, prioribus additi de eiusdem Friderici Imp. gestis</t>
  </si>
  <si>
    <t>MDXV</t>
  </si>
  <si>
    <t>[M.Schurerii (ex aedibus)]</t>
  </si>
  <si>
    <t>Publication Statement: 1515, Dimensions: 31 cm, Bibliographical Note: MS. notes., Collection: Dorchester, priref: 39257</t>
  </si>
  <si>
    <t>Observations and Experiments on the Lungs of New-Born Children, in Relation to Medical Jurisprudence</t>
  </si>
  <si>
    <t>Illustrations: Illus., Dimensions: 67 cms, Class Number: 616.833-006.38, priref: 29993</t>
  </si>
  <si>
    <t>Mr. Alfred Swaine Taylor</t>
  </si>
  <si>
    <t>Observations on Arsenical Poisoning</t>
  </si>
  <si>
    <t>Statement of Responsibility: By T.G. Geoghegan., Publication Statement: 1851, Dimensions: 22 cm, Provenance: Autograph: Dr Taylor FRS - a tribute of regard - from the author; Ms. letter dated 1851, Bibliographical Note: Extracted from the, 'Dublin Quarterly Journal', 1851; There is a manuscript letter bound in with this article; Bound in volume lettered Medico-legal tracts, 5 (MLT 5)., Class Number: 340.6, priref: 12035</t>
  </si>
  <si>
    <t>The Harveian Oration: Delivered at the Royal College of Physicians, June 26th, 1879</t>
  </si>
  <si>
    <t>Statement of Responsibility: Samuel Wilks, Dimensions: 19 cm, Binding Method: Hardback, Provenance: Book-plate: Peacock, C.J., Series: Harveian oration, Series Number: 1879, General Note: 2 copies., Collection: UK Medical Heritage Library, Genre: Lectures, Other Names: Peacock, C. J. (Former owner), Class Number: C06.091.4, Websites: &lt;a href=https://archive.org/details/rcplondon?&amp;and=b24976465""&gt;View online via the Internet Archive&lt;/a&gt;; &lt;a href=""http://wellcomelibrary.org/player/b24976465""&gt;View online via the Wellcome Library&lt;/a&gt;; &lt;a href=""https://ukmhl.historicaltexts.jisc.ac.uk/ukmhl-b24976465""&gt;View online via Jisc Historical Texts&lt;/a&gt;"", priref: 34108</t>
  </si>
  <si>
    <t>Sir Samuel Wilks</t>
  </si>
  <si>
    <t>Account of the Lazaretto in the Island of Madeira, with an Enquiry into the Various Diseases Called Leprosy</t>
  </si>
  <si>
    <t>Printed by W. Smith &amp; Son</t>
  </si>
  <si>
    <t>Dimensions: 26 cm, Series: Harveian oration, Series Number: 1683, General Note: 21396-9: No.4 in a volume entitled 'Orationes Harveianae, 1661-1743', Bibliographical Note: Wing H 2306., Class Number: C06.091.4, priref: 15451</t>
  </si>
  <si>
    <t>Oratio ex harveii instituto in aedibus Collegii regalis medicorum: habita die quinto ante cal. Jul. MDCCCLVII</t>
  </si>
  <si>
    <t>Statement of Responsibility: by Jacobo Copland, Dimensions: 28 cm, Binding Method: Hardback, Series: Harveian oration, Series Number: 1857, General Note: 21578-6: No.3 in a volume lettered 'Orationes Harveianae, 1848-63'; 21590 and 21591: Both copies held together in a cover entitled 'Copland - Oratio Harveiana, 1857', Genre: Lectures, Class Number: C06.091.4, priref: 7532</t>
  </si>
  <si>
    <t>Memoralia, ex uariis utriusque iuris doctoribus collectaâ€¦</t>
  </si>
  <si>
    <t>Dimensions: 18 cm, Binding: Binding: SU. Vellum, Provenance: Association: Christoph Faber; Autograph: Andreas Beill ?; Annotation on flyleaf verso: Italian personal note, Collection: Dorchester, Genre: Association copies; Autographs; Annotations, Images: CN 9523 - Memoralia_Cotta, 1556.JPG, priref: 36475</t>
  </si>
  <si>
    <t>Catelliani Cottae</t>
  </si>
  <si>
    <t>The Papers Set for the Examinations for the Diploma in Public Health of the Royal College of Physicians of London and the Royal College of Surgeons of England during the Year 1896</t>
  </si>
  <si>
    <t>Appendix altera ad opuscula. Orativncvla Collegii Medicorvm Londinensis Cathedrae valedicens, in comitiis, postridie divi Michaelis MDCCLXVIIâ€¦ contra permissos rebelles munitis</t>
  </si>
  <si>
    <t>Dimensions: 27 cm, Series: Harveian oration, Series Number: 1767, General Note: 21440-4: No. 8 in a volume lettered 'Orationes Harveianae, 1744-74', Class Number: C06.091.4, priref: 5152</t>
  </si>
  <si>
    <t>D.m.i. de ischiade</t>
  </si>
  <si>
    <t>Dimensions: 20 cms, Bibliographical Note: Dissertation, Other Names: Schneider, Conrad Victor (Praeses), priref: 22838</t>
  </si>
  <si>
    <t>Christian Muche</t>
  </si>
  <si>
    <t>Counterpart Agreement with Joseph Johnson, Bookseller in St. Pauls Churchyard</t>
  </si>
  <si>
    <t>September 29, 1788</t>
  </si>
  <si>
    <t xml:space="preserve">Counterpart Agreement with Joseph Johnson, Bookseller in St. Pauls Churchyard </t>
  </si>
  <si>
    <t>Announcement, Correspondence, Administrative Papers</t>
  </si>
  <si>
    <t>39.8366528,-105.0372046, 39.8366528,-105.0372046</t>
  </si>
  <si>
    <t>Cl. Galeni Pergameni nobilissimi medici Libri aliquot Graeci: partim hactenus non uisi, partim Ã  mendis quibus scatebant innumeris ad uetustissimos codices repurgati</t>
  </si>
  <si>
    <t>Illustrations: ill., Dimensions: 17 cm, Class Number: 61, priref: 11927</t>
  </si>
  <si>
    <t>The War against Malaria</t>
  </si>
  <si>
    <t>Ross Institute Fund</t>
  </si>
  <si>
    <t>Illustrations: ill., Dimensions: 22 cm, Class Number: 613/614, priref: 23984</t>
  </si>
  <si>
    <t>Wilfred Partington</t>
  </si>
  <si>
    <t>De re medica libri tres</t>
  </si>
  <si>
    <t>J. TornÃ¦sium (apud)</t>
  </si>
  <si>
    <t>Statement of Responsibility: J.Sylvio interprete, Dimensions: 18, 19 cm in box, Provenance: Autograph: Sylvius, Johannes, Bibliographical Note: MS. notes., Class Number: 615, priref: 22558</t>
  </si>
  <si>
    <t>Certain necessary directions, as well for the cure of the plague, as for preventing the infection: with many easie medicines of small charge, very profitable to His Majesties subjects</t>
  </si>
  <si>
    <t>Bill, John, the Second; Barker, Christopher</t>
  </si>
  <si>
    <t>Statement of Responsibility: Set down by the Colledge of Physicians. By the Kings Majesties special command., Corporate Author: Royal College of Physicians of London, Publication Statement: London : Printed by John Bill and Christopher Barker, printers to the Kings most excellent majesty, 1665., Illustrations: illustrations (woodcuts), Dimensions: 20 cm (4to), General Note: Copy number 20484-4: Lacks title page (leaf A2).; Copy number 20484-4: Bound with Herring, Preservatives against the plague, 1665.; Copy number 21780: Lacks leaf A1 bearing royal arms on recto and an order to print on verso.; Copy number 21781: With autograph letter from Eva Gardner dated 29 July 1942 offering the pamphlet to the RCP., Citation Note: ESTC R9802, Genre: Woodcut illustrations; Printers' flowers, Class Number: C616.923</t>
  </si>
  <si>
    <t>Dissertatio inauguralis medica de peripneumonia</t>
  </si>
  <si>
    <t>Jan. MDCLXXXVII</t>
  </si>
  <si>
    <t>January, 1687</t>
  </si>
  <si>
    <t>Publication Statement: Sold by J. Roberts, near the Oxford-Arms in Warwick-Lane. M DCC XXVII., Dimensions: 20 cm, General Note: Anonymous but author believed to be John Tristram; One copy lettered: Medical pamphlets., Other Names: Tristram, John, Class Number: 61(04), priref: 31970</t>
  </si>
  <si>
    <t>A Few Observations on the Component Parts of Animal Matters and on Their Conversion into a Substance Resembling Spermaceti</t>
  </si>
  <si>
    <t>W. Meyler</t>
  </si>
  <si>
    <t>Statement of Responsibility: Written by Sir Samuel Garth, Dimensions: 17 cm, Provenance: Autograph: Spencer, Diana, General Note: 21834-2: Bound with the author's book, 'Dispensary', 1741; 21833-2: Bound with the author's book, 'Dispensary', 1741, Citation Note: ESTC, T133488, Class Number: C8-1, priref: 11797</t>
  </si>
  <si>
    <t>George Smith Gibbes</t>
  </si>
  <si>
    <t>Claudii Mydorgii â€¦ Prodromi catoptricorum et dioptricorum: siue, Conicorum operis â€¦ Libri quatuor priores. D.A.L.G</t>
  </si>
  <si>
    <t>Ex typographia I. Dedin, via Nucum, sub infigni parui Scuti</t>
  </si>
  <si>
    <t>Publication Statement: M. DC. XXXIX, Dimensions: 33 cm, Provenance: Annotations on title page: page numbers; Annotation on title page: former shelfmark, 'O-9', Bibliographical Note: Vignette on t.p; Last 2 pages: 'Addenda'; MS notes (t.p., p. 49, 2), Summary: Other titles: Prodromi catoptricorum et dioptricorum: sive, Conicorum operis, Collection: Dorchester, Genre: Annotations, priref: 39010</t>
  </si>
  <si>
    <t>Claude Mydorge</t>
  </si>
  <si>
    <t>Harvey Versus CÃ¦salpinus: The Controversy Continued</t>
  </si>
  <si>
    <t>Statement of Responsibility: by David Fraser Harris, Dimensions: 25 cm, Provenance: Donated by David Fraser Harris, General Note: Section XXIII History of Medicine independent paper, Other Names: Fraser-Harris, David Fraser (Donor), Class Number: 92</t>
  </si>
  <si>
    <t>David Fraser Harris</t>
  </si>
  <si>
    <t>An Introduction to the Old English History in Three Tracts: the First, an Answer to Mr. Petyt's Rights of the Commons Asserted...; The Second, an Answer To... Argumentum Antinormanicum...; The Third, the Exact History of the Succession of the Crown of England</t>
  </si>
  <si>
    <t>MDCLXXXIV.</t>
  </si>
  <si>
    <t>S. Lowndes</t>
  </si>
  <si>
    <t>Dimensions: 33 cm, Citation Note: Wing B4194, Class Number: C08, priref: 4391</t>
  </si>
  <si>
    <t>Robert Brady</t>
  </si>
  <si>
    <t>Nicolai Machiavelli princeps</t>
  </si>
  <si>
    <t>Statement of Responsibility: ex Sylvestri Teliij fulginatis traductione diligenter emendata ; adiecta sunt eiusdem argumenti, aliorum quorundam contra Machiauellum scripta de potestate &amp; officio Principum, &amp; contra tyrannos., Publication Statement: BasileÃ¦ : Ex officina Petri PernÃ¦, MDXXC, Dimensions: 17 cm (8vo), Provenance: Copy 9963-1: Roberts and Watson note that it is 'a copy of the 1580 edn., belonging to Saunder'., General Note: Copy 9963-1: Dorchester No. D137/5, Citation Note: Copy 9963-1: Roberts and Watson, 756, Collection: John Dee; Dorchester, Other Names: Tellio, Sylvestre (Translator); Dorchester, Henry Pierrepont, Marquis of, 1606-1680 (Donor); Saunder, Nicholas, 1563-1649 (Former owner), priref: 38563</t>
  </si>
  <si>
    <t>NiccolÃ² Machiavelli</t>
  </si>
  <si>
    <t>Enchiridion titulorum aliquot juris videlicet de verborum â€¦ significatione, â€¦ de regulis juris, tum ex Pandectis, tum ex Decretalibus â€¦</t>
  </si>
  <si>
    <t>Presidential Address to the Royal College of Physicians, April 17th, 1905</t>
  </si>
  <si>
    <t>January 26, 1865</t>
  </si>
  <si>
    <t>A Catalogue of the Collection of Prints and Drawings of the Late Dr. Mead</t>
  </si>
  <si>
    <t>Langford</t>
  </si>
  <si>
    <t>Publication Statement: 1754, Dimensions: 22 cm, Bibliographical Note: This is a sale catalogue; Bound with the author's book, 'Museum Meadianum', 1755., Class Number: C 92 MEA, priref: 21460</t>
  </si>
  <si>
    <t>Richard Mead</t>
  </si>
  <si>
    <t>D. m. i. de ophthalmia</t>
  </si>
  <si>
    <t>Dimensions: 20 cms, priref: 29526</t>
  </si>
  <si>
    <t>Francis Skelton</t>
  </si>
  <si>
    <t>Enarratio elementorum astrologiae: in qua praeter Alcabicij, qui Arabum doctrinam compendio prodidit, expositionem, at [que] cum PtolemÃ¦i principijs collationem, reiectis sortilegijs &amp; absurdis vulgo qÂ´ue receptis opinionibus, de verÃ¦ artis prÃ¦ceptorum origine &amp; vsu satis disseritur</t>
  </si>
  <si>
    <t>Statement of Responsibility: in celeberrima Coloniensi Academia studiosis philosophiÃ¦ proposita aÌ€ Valentino Nabod ..., Publication Statement: Coloniae : Apud hÃ¦redes Arnoldi Birckmanni, MDLX, Illustrations: illustrations (woodcuts), Dimensions: 20 cm, Provenance: Copy number 9015: Roberts and Watson state may be Dee's, Series: but has no notes""."", Bibliographical Note: Copy number 9015: Dorchester number D39/10, Summary: Roberts and Watson, 522, Preservation Note: Latin, Class Number: Dorchester, Henry Pierrepont, Marquis of, 1606-1680 (Donor), Child: 39018</t>
  </si>
  <si>
    <t>Valentin Naibod</t>
  </si>
  <si>
    <t>The Rise of Physiology in England: The Harveian Oration Delivered before the Royal College of Physicians, October 18th, 1895</t>
  </si>
  <si>
    <t>Statement of Responsibility: by William Selby Church, Dimensions: 22 cm, Binding Method: Hardback, Provenance: Autograph: Church, William Selby, Series: Harveian oration, Series Number: 1895, Bibliographical Note: Bibliography, Collection: UK Medical Heritage Library, Genre: Lectures, Other Names: Church, William Selby, Sir (Inscriber), Class Number: C06.091.4, Websites: &lt;a href=https://archive.org/details/rcplondon?&amp;and=b24974778""&gt;View online via the Internet Archive&lt;/a&gt;; &lt;a href=""http://wellcomelibrary.org/player/b24974778""&gt;View online via the Wellcome Library&lt;/a&gt;; &lt;a href=""https://ukmhl.historicaltexts.jisc.ac.uk/ukmhl-b24974778""&gt;View online via Jisc Historical Texts&lt;/a&gt;"", priref: 6752</t>
  </si>
  <si>
    <t>The Harveian Oration: Delivered before the Royal College of Physicians, London, October 18,1888</t>
  </si>
  <si>
    <t>Statement of Responsibility: by P.W. Latham, Dimensions: 19 cm, Binding Method: Hardback, Series: Harveian oration, Series Number: 1888, General Note: With a half title., Genre: Lectures, Class Number: C06.091.4, priref: 18919</t>
  </si>
  <si>
    <t>P. W. Latham</t>
  </si>
  <si>
    <t>On Heredity in Relation to Disease the Harveian Oration for 1908, Delivered before the Royal College of Physicians of London on October 19th, 1908</t>
  </si>
  <si>
    <t>Statement of Responsibility: by J.A. Ormerod, Dimensions: 20 cm, Binding Method: Hardback, Series: Harveian oration, Series Number: 1908, Bibliographical Note: Includes bibliographical references, Genre: Lectures, Class Number: C06.091.4, priref: 24390</t>
  </si>
  <si>
    <t>Observations on the Projected Bill for Restricting the Practice of Surgery and Midwifery to Members of the Royal Colleges of London, Edinburgh and Dublin; and to Army or Navy Surgeons: With Some Modifications Proposed, by Which the Measure Will Be More Compatible with the True Interest of the Public</t>
  </si>
  <si>
    <t>Published by William Bent</t>
  </si>
  <si>
    <t>Illustrations: Illustrations, Dimensions: 21 cm, Binding Method: Hardback, Collection: UK Medical Heritage Library, Class Number: C08 MER, Websites: &lt;a href=https://archive.org/details/rcplondon?&amp;and=b24975680""&gt;View online via the Internet Archive&lt;/a&gt;; &lt;a href=""http://wellcomelibrary.org/player/b24975680""&gt;View online via the Wellcome Library&lt;/a&gt;; &lt;a href=""https://ukmhl.historicaltexts.jisc.ac.uk/ukmhl-b24975680""&gt;View online via Jisc Historical Texts&lt;/a&gt;"", priref: 22505</t>
  </si>
  <si>
    <t>Oratio in theatro Collegii Regalis Medicorum Londinensis, ex Harveii instituto habita, MDCCCXLI</t>
  </si>
  <si>
    <t>MDCCCXLI</t>
  </si>
  <si>
    <t>Stewart &amp; Murray</t>
  </si>
  <si>
    <t>Thomas Mayo</t>
  </si>
  <si>
    <t>The Plan of Study Essential for Those Entering the Medical Profession: An Introductory Address, Delivered at Sydenham College, Birmingham, October 4th, 1859, on Occasion of the Opening of the Winter Session</t>
  </si>
  <si>
    <t>October 4th, 1859</t>
  </si>
  <si>
    <t>M. Billing</t>
  </si>
  <si>
    <t>Dimensions: 19 cm, Bibliographical Note: Written in Tamil, with English preface., priref: 23794</t>
  </si>
  <si>
    <t>William Cockerell Orford</t>
  </si>
  <si>
    <t>Plantz, pourtraitz, et descriptions de plusieurs villes et forteresses tant de l'Europe, Asie, &amp; Afrique, que des Indes, &amp; terres neuues: leurs fondations, antiquitez, &amp; manieres de viure: avec plusieurs Cartes generales &amp; particulieres, seruans Ã  la cosmographie, iointes Ã  leurs declarations: deux tables fort amples, l'vne des chapitres, &amp; l'autre des matieres contenuÃ«s en ce present liure</t>
  </si>
  <si>
    <t>Par Ian D'Ogerolles</t>
  </si>
  <si>
    <t>Statement of Responsibility: La tout mis par ordre, region par region, par Antoine du Pinet., Publication Statement: M. D. LXIIII, Illustrations: ill. (col.), Dimensions: 34 cm, Binding: Binding: XVII c. ? calf over wood, with blind tooled panel and centre piece on both covers., Provenance: Annotation on title-page, top-right: '1 underlined'; Autograph on title page: R: Lowdrow ?; Autograph on title-page over device: unidentified; Autograph, title-page, right: unidentified - inked over signature; Autograph, title-page right: unidentified, Bibliographical Note: Printer's device on t.p. and last folio (K6v); Colophon (K5r): 'Acheue d'imprimer le quinziesme d'Auril. M. D. LXIIII.'; Hand painted plates., Collection: Dorchester, Genre: Atlases (Geographic); Wooden boards; Annotations; Illegible markings, priref: 36661</t>
  </si>
  <si>
    <t>Antoine Du Pinet</t>
  </si>
  <si>
    <t>Opvscvla nvper in lvcem aedita</t>
  </si>
  <si>
    <t>[B. Vitalis]</t>
  </si>
  <si>
    <t>Publication Statement: 1525, Dimensions: 21 cm, Provenance: Autograph: Jacobson, E.P., Bibliographical Note: 1, Paraphrasis in commentariolum Arsitotelis de animalium motione; 2, Paraphrasis in eiusdem libellum de animalium incessu; 3, Quaestiones...cum amatoriis problematibus; 4, Conversio mechanicarum quaestionum Aristotelis; 5, Procli Lytii explicatio Platonis ex Timaeo...de animorum generatione; MS. notes, Class Number: 5(08), priref: 22853</t>
  </si>
  <si>
    <t>Nicolaus Leonicus Thomaeus</t>
  </si>
  <si>
    <t>The Life of Peter Stuart, the ""Ditton Doctor""</t>
  </si>
  <si>
    <t>Books Limited</t>
  </si>
  <si>
    <t>Statement of Responsibility: by Basil Gordon Morison, Dimensions: 22 cm, Binding Method: Hardback, Provenance: Autograph - Blackhall-Morison, A, Genre: Biographies, Other Names: Morison, Alexander, 1779-1866 (Editor), Class Number: 92 MOR, priref: 22985</t>
  </si>
  <si>
    <t>Mazzini Stuart, L Finigan</t>
  </si>
  <si>
    <t>The Feeding of Nations: a Study in Applied Physiology</t>
  </si>
  <si>
    <t>Dimensions: 20 cm, Provenance: Autograph: *Author, Series: Oliver-Sharpey lectures, Series Number: 1919, Genre: Lectures, Class Number: C042, priref: 30521</t>
  </si>
  <si>
    <t>Q. m. an cibus multiplex simplici salubrior?</t>
  </si>
  <si>
    <t>Illustrations: ill., Dimensions: 16 cm, Provenance: Book-plate: Dana, Charles Loomis; Book-plate: Comerford, James, General Note: Includes the author's 'A compleat key to the seventh edition of the Dispensary', 1714; Includes some portraits and a sample of the old binding, Class Number: C8-1, priref: 11786</t>
  </si>
  <si>
    <t>D. m. de acrium natura, usu et abusu</t>
  </si>
  <si>
    <t>Octobr. MDCXCVI</t>
  </si>
  <si>
    <t>October, 1696</t>
  </si>
  <si>
    <t>Publication Statement: 1762, Dimensions: 23cms., Bibliographical Note: Bibliog.; Dissertation. R.A.Vogel praeses; Check date, Other Names: Vogel, Rudolph Augustin (Praeses), priref: 34922</t>
  </si>
  <si>
    <t>On the Treatment of Gleet by Antrophors or Coated Spring Bougies</t>
  </si>
  <si>
    <t>Statement of Responsibility: by R. William Dunn, Dimensions: 22 cm, Provenance: Autograph: Author., priref: 9621</t>
  </si>
  <si>
    <t>Disputatio medica, exhibens aegrum laborantem colica â€¦</t>
  </si>
  <si>
    <t>Novembr. 1674</t>
  </si>
  <si>
    <t>November, 1674</t>
  </si>
  <si>
    <t>Typis S. Krebsii</t>
  </si>
  <si>
    <t>Publication Statement: 1684, Dimensions: 20 cm, Other Names: Fischer, Johannes Petrus (Respondent); Wedel, Georg Wolfgang (Praeses), priref: 10917</t>
  </si>
  <si>
    <t>The Northern Journal of Medicine: No. XI-March 1845</t>
  </si>
  <si>
    <t>Statement of Responsibility: par S.A. Turck, Publication Statement: Paris : Chez Bechet Jeune, 1837, Dimensions: 22 cm, Binding: In quarter calf with marbled boards; Autograph, half-title, verso: C. ? Jarre, Provenance: In quarter calf with marbled boards; Autograph, half-title, verso: C. ? Jarre, General Note: With half-title page; Content table on p. 515-516., Collection: Heberden, Other Names: Jarre, C. (Former owner), priref: 48429</t>
  </si>
  <si>
    <t>James Maxwell Adams, Thomas Black, Patrick Small Keir Newbigging</t>
  </si>
  <si>
    <t>The Book-Plates of Physicians, with Remarks on the Physician's Leisure-Hour ""Hobbies""</t>
  </si>
  <si>
    <t>Statement of Responsibility: Augustin Cabanes and others, Illustrations: illustrations, portrait, facsimiles, Bibliographical Note: Bibliography, Class Number: 61:92 HUG, priref: 200000984</t>
  </si>
  <si>
    <t>Roland Gideon Curtin</t>
  </si>
  <si>
    <t>Orationem ex Harveii instituto in aedibus Regalis Medicorum Collegii Londinensis: III nonas Julias M.D.CCC.L.I</t>
  </si>
  <si>
    <t>John Murray; John Churchill</t>
  </si>
  <si>
    <t>Statement of Responsibility: habebat Joannes Spurgin, Publication Statement: 1851?, Dimensions: 28 cm, Series: Harveian oration, Series Number: 1851, General Note: 21578-2: No. 2 in a volume lettered 'Orationes Harveianae, 1848-63', Genre: Lectures, Class Number: C06.091.4, priref: 30230</t>
  </si>
  <si>
    <t>John Spurgin</t>
  </si>
  <si>
    <t>Dissertatio chemico-medica inauguralis de acido urico, et morbis a nimia ejus secretione ortisâ€¦</t>
  </si>
  <si>
    <t>Excudebat Jac, Ballantyne, et Socii</t>
  </si>
  <si>
    <t>Statement of Responsibility: by William Beattie ; illustrated, in a series of views taken expressly for this work, by W.H. Bartlett, Illustrations: illustrations, 1 map, Dimensions: 28cm, Binding Method: Hardback, General Note: There is a plate missing in Volume 2, Bibliographical Note: Bibliography., Collection: UK Medical Heritage Library, Other Names: Bartlett, W. H. (William Henry), 1809-1854 (Illustrator), Class Number: C08 BEA, Websites: &lt;a href=https://archive.org/details/rcplondon?&amp;and=b24990528""&gt;View online via the Internet Archive&lt;/a&gt;; &lt;a href=""http://wellcomelibrary.org/player/b24990528""&gt;View online via the Wellcome Library&lt;/a&gt;; &lt;a href=""https://ukmhl.historicaltexts.jisc.ac.uk/ukmhl-b24990528""&gt;View online via Jisc Historical Texts&lt;/a&gt;"", priref: 13820</t>
  </si>
  <si>
    <t>William Henry</t>
  </si>
  <si>
    <t>Dissertatio medica de partibus corporis adustis, earumque curatione</t>
  </si>
  <si>
    <t>J. Pillans (excud.)</t>
  </si>
  <si>
    <t>Dimensions: 22 cm, Provenance: Autograph: Wilkinson, G.; Association: Baillie, Matthew, Other Names: Baillie, Matthew, 1761-1823 (Donor), priref: 17824</t>
  </si>
  <si>
    <t>Edvardo Kentish</t>
  </si>
  <si>
    <t>The Papers Set for the Examinations for the Diploma in Public Health of the Royal College of Physicians of London and the Royal College of Surgeons of England during the Year 1909</t>
  </si>
  <si>
    <t>Q. m.-chirurgica an tutius ab acu, trois carts dicta, quam scalpello &amp; lanceola paracenthesis?</t>
  </si>
  <si>
    <t>Junii, 1726</t>
  </si>
  <si>
    <t>June, 1726</t>
  </si>
  <si>
    <t>Publication Statement: 1726, Dimensions: 25 cms, Bibliographical Note: Dissertation., Other Names: Renard, Claude Antoine (Praeses); Costar, Joachimus Joannes (Proponent), priref: 26604</t>
  </si>
  <si>
    <t>A Brief Memoir of the Late John Latham, M.D. F.R.S. &amp; L.S.</t>
  </si>
  <si>
    <t>Publication Statement: 1845, Dimensions: 22 cm, Bibliographical Note: Compilation of abstracts and medical cases; Bound in volume lettered Medico-legal tracts, 15, Summary: Contents: Report of the trial of Abner Rogers, jr., indicted for the murder of Charles Lincoln, jr., late Warden of the Massachusetts state prison, before the Supreme Judicial Court of Massachusetts, holden at Boston, on Tuesday, January 30, 1844 / By George Tyler Bigelow and George Bemis. -- Term of pregancy exceeded by four weeks. -- Influence of shortness of the umbilical cord in labour. -- Varicose tumor of the neck of the uterus obstructing parturition. -- Evolution and deliver with presentation of the arm and shoulder / Sussewind. -- Monomania. -- Poisoning with oxalic acid. -- Poisoning with radix sambuci. -- Acetate of iron as a remedy fro arsenical preparations. -- Report on the physiological actions of medicine. -- Appearences on dissection in a case of suicidal suspension / Campbell Morgan. -- Strangulation by machinery. -- Death from Tartaric Acid. -- Feigned diseases in Egypt. -- Poison of snakes in Australia. -- Spontaneous rupture of the spleen. -- Abortion: the umbilical cord wound tightly around the leg of the foetus., Class Number: 340.6, priref: 3328</t>
  </si>
  <si>
    <t>Robert Jackson, M. D., Inspector of Hospitals</t>
  </si>
  <si>
    <t>February, 1911</t>
  </si>
  <si>
    <t>Statement of Responsibility: H. A. L. Howell, Illustrations: portrait, Dimensions: 26 cm, Genre: Biographies, Class Number: 92 JAC, priref: 200002941</t>
  </si>
  <si>
    <t>An Anniversary Oration in Honour of Harvey, &amp;C.: Delivered before the Royal College of Physicians at London, upon the 18Th of October 1723</t>
  </si>
  <si>
    <t>Printed by A. Donaldson and J. Reid</t>
  </si>
  <si>
    <t>Statement of Responsibility: by Richard Mead, Publication Statement: 1723, Series: Harveian oration, Series Number: 1723, General Note: This is a photocopy of a reprint : 'The medical works of Dr Richard Mead, volume 3, Edinburgh, 1763, pages 243-257, Bibliographical Note: Bibliography, Class Number: C06.091.4, priref: 21520</t>
  </si>
  <si>
    <t>Sir Richard Mead</t>
  </si>
  <si>
    <t>Disputatio medica inauguralis de febre infantili remittente: quam, annuente summo numine: ex auctoritate reverendi admodum viri, D. Georgii Baird, SS. T. P. AcademiÃ¦ EdinburgenÃ¦ PrÃ¦fecti: necnon amplissimi senatus academici consensu, et nobilissimÃ¦ facultatis medicÃ¦ decreto: pro gradu doctoratus, summisque in medicina honoribus ac privilegiis rite et legitime consequendis</t>
  </si>
  <si>
    <t>MDCCXVII</t>
  </si>
  <si>
    <t>Dimensions: 21 cm, Bibliographical Note: No. 20 in a vol. lettered: Edinburgh theses, 1812-1817., Class Number: 61(043), priref: 29469</t>
  </si>
  <si>
    <t>Robert Smith</t>
  </si>
  <si>
    <t>Dissertatio inauguralis medica de catarrho suffocativo laborante</t>
  </si>
  <si>
    <t>Jul MDCLXXXVI</t>
  </si>
  <si>
    <t>July, 1686</t>
  </si>
  <si>
    <t>Dimensions: 21cms, Other Names: Le Boe, Frans de, 1614-1672 (Praeses); Kerfbyl, Joannes (Respondent), priref: 31881</t>
  </si>
  <si>
    <t>Clinical Hospital Fourth Sanitary Report. Remarks on the Services of the Institution from the Publication of the Third Report to the Close of the Year 1860</t>
  </si>
  <si>
    <t>Alexander Ireland and Co.</t>
  </si>
  <si>
    <t>Dimensions: 19cms., Provenance: Book-plate: Farre, Arthur, General Note: Originally published under the title of Memoranda on France, Bibliographical Note: Italy, Citation Note: and Germany"" - 1870.; George Bradshaw was the author of the 'Railway Guide'."", Other Names: Europe, Continues: Bradshaw, George, 1801-1853 (Associated name); Farre, Arthur, 1811-1887 (Former owner), Continued by: 613.12, Parent: 19983</t>
  </si>
  <si>
    <t>James Whitehead</t>
  </si>
  <si>
    <t>Johannis Bernoullii, M.D. Basileensis [sic] Dissertatio de motu musculorum</t>
  </si>
  <si>
    <t>Typis J. M. Prostant apud R. Smith</t>
  </si>
  <si>
    <t>Illustrations: ill., Dimensions: 23 cm, Bibliographical Note: ESTC, T114878; Errata: t.p. verso; 13614-4 bound with, Boerhaave, H: 'Sermo academicus de comparando certo in physicis ... ', 1715. 22609-3 in: 4to Tr.67(3), Class Number: 61, priref: 3035, Parent: 3998</t>
  </si>
  <si>
    <t>Jean Bernoulli</t>
  </si>
  <si>
    <t>Laurentii Grimalii Goslicii de optimo senatore: libri duo. In quibus magistratuum offica, ciuium uita beata</t>
  </si>
  <si>
    <t>Statement of Responsibility: rerumpub. fÅ“licitas explicantur ... accessit locuples rerum toto opere memorabilium index, Publication Statement: Venetiis : Apud Iordanum Zilettum, 1568, Dimensions: 21 cm, Provenance: Copy 10744: Roberts and Watson note that this copy is 'almost certainly Dee's...it has no notes, but a name has been cut off the titlepage'., General Note: Copy 10744: Dorchester No. D144/16, Citation Note: Copy 10744: Roberts and Watson, 417, Collection: John Dee; Dorchester, Other Names: Dee, John, 1527-1608 (Former owner); Dorchester, Henry Pierrepont, Marquis of, 1606-1680 (Donor), priref: 37742</t>
  </si>
  <si>
    <t>Wawrzyniec GoÅ›licki</t>
  </si>
  <si>
    <t>The Papers Set for the Examinations for the Diploma in Public Health of the Royal College of Physicians of London and the Royal College of Surgeons of England during the Year 1894</t>
  </si>
  <si>
    <t>On the Phenomena of Historical Repetition: A Study of the Relation of Historical to Scientific Research</t>
  </si>
  <si>
    <t>Statement of Responsibility: By way of letter to an eminent citizen: Wrote in the Heat of a violent Paroxysm; and now publish'd for the common Good. By Philander Misaurus, Publication Statement: 1735 ?, Dimensions: 23 cm, Bibliographical Note: Philander Misaurus is a pseudonym. Sometimes wrongly attributed to Swift; First edition issued in 1699 under the pseudonym Philander Misiatrus; Reproduction available: Microfilm. Woodbridge, Conn. : Primary Source Microfilm, an imprint of Gale Group, 2000. 1 reel ; 35mm. Unit 312. (The Eighteenth Century ; reel 10906, no. 01); ESTC citation no.: N8355., Collection: Heberden, priref: 48029</t>
  </si>
  <si>
    <t>The Rhine Saline Baths at Rheinfelden (Switzerland)</t>
  </si>
  <si>
    <t>F. Riehm</t>
  </si>
  <si>
    <t>Illustrations: frontis., Dimensions: 22 cm, General Note: Bound in Medico-legal tracts, 36., Collection: UK Medical Heritage Library, Class Number: 340.6, Websites: &lt;a href=http://wellcomelibrary.org/player/b28407970""&gt;View online via the Wellcome Library&lt;/a&gt;; &lt;a href=""https://archive.org/details/rcplondon?&amp;and=b28407970""&gt;View online via the Internet Archive&lt;/a&gt;; &lt;a href=""https://ukmhl.historicaltexts.jisc.ac.uk/ukmhl-b28407970""&gt;View online via Jisc Historical Texts&lt;/a&gt;"", priref: 33236</t>
  </si>
  <si>
    <t>4.07365,43.12862</t>
  </si>
  <si>
    <t>Karl Weller</t>
  </si>
  <si>
    <t>John Westover of Wedmore</t>
  </si>
  <si>
    <t>Statement of Responsibility: by Norman Gerald Horner, Publication Statement: 1923, Dimensions: 27 cm, Provenance: Donated by the Osler Club, General Note: Reprint, probably from the Proceedings of the third international congress of the history of medicine, London July 17-22, 1922., Other Names: Osler Club of London (Donor), Class Number: 92 WES, priref: 15885</t>
  </si>
  <si>
    <t>Norman Gerald Horner</t>
  </si>
  <si>
    <t>A Short Account of the Institution and Nature of the College of Physicians, London, Publish'd by Themselves, 1688. Dr Badger's Queries to the Monopoly and Pretended College of Physicians</t>
  </si>
  <si>
    <t>Corporate Author: Royal College of Physicians of London, Dimensions: 25 x 33 cm, General Note: Photocopy of original., Class Number: C340.3, priref: 17114</t>
  </si>
  <si>
    <t>Introduction to a Course of Lectures on the Diseases and Operative Surgery of the Eye</t>
  </si>
  <si>
    <t>Printed for Anderson and Chase</t>
  </si>
  <si>
    <t>Statement of Responsibility: par H.-C. Lombard, Publication Statement: Imprimerie de la BibliotheÌ€que Universelle, Illustrations: map, Dimensions: 20 cm, Provenance: Autograph: Lombard, Henri Clermond.; Association: Todd (Dr), General Note: Reprinted from: BibliothÃ©que universalle, 1831.; With half-title page., Other Names: Todd, Robert Bentley, 1809-1860 (Associated name), priref: 19716</t>
  </si>
  <si>
    <t>William Mac Kenzie</t>
  </si>
  <si>
    <t>Botanicon, continens herbarum, aliorumque simplicium, quorum usus in medicinis est, descriptiones &amp; iconas â€¦</t>
  </si>
  <si>
    <t>excud. C. Egenolphus</t>
  </si>
  <si>
    <t>Publication Statement: 1540, Illustrations: ill., Dimensions: 30 cm, Bibliographical Note: MS. notes., Collection: Dorchester, Genre: Herbals, priref: 36627</t>
  </si>
  <si>
    <t>Theodor Dorsten</t>
  </si>
  <si>
    <t>Observations on the Formation and Uses of the Natural Frog of the Horse: With a Description of a Patent Artificial Frog, to Prevent and Cure Contracted Hoofs, Thrushes, Cankers, and Sand Cracks</t>
  </si>
  <si>
    <t>J. Crowder</t>
  </si>
  <si>
    <t>Statement of Responsibility: by Edward Coleman, Publication Statement: Printed for the author, by J. Crowder; and sold at the Veterinary College; at the forges in Grosvenor Mews, Bond-Street; and Little Moorfields, Finsbury-Square: also, by J. Johnson, in St. Paul's Church-Yard, Illustrations: ill., Dimensions: 21 cm, Provenance: Inscribed on title page: 'Dr Baillie with the respectful compliments of the author', General Note: With half-title page., Citation Note: ESTC T111922, Collection: UK Medical Heritage Library, Other Names: Coleman, Edward (Inscriber); Baillie, Matthew, 1761-1823 (Donor), Websites: &lt;a href=http://wellcomelibrary.org/player/b28519425""&gt;View online via the Wellcome Library&lt;/a&gt;; &lt;a href=""https://archive.org/details/rcplondon?&amp;and=b28519425""&gt;View online via the Internet Archive&lt;/a&gt;; &lt;a href=""https://ukmhl.historicaltexts.jisc.ac.uk/ukmhl-b28519425""&gt;View online via Jisc Historical Texts&lt;/a&gt;"", priref: 7038</t>
  </si>
  <si>
    <t>Edward Coleman</t>
  </si>
  <si>
    <t>Harvey and His Times. The Harveian Oration for 1874</t>
  </si>
  <si>
    <t>Statement of Responsibility: by Charles West, Dimensions: 19 cm, Binding Method: Hardback, Series: Harveian oration, Series Number: 1874, Bibliographical Note: Includes bibliographical references, Genre: Lectures; Biographies, Class Number: C06.091.4, priref: 41755</t>
  </si>
  <si>
    <t>Charles West</t>
  </si>
  <si>
    <t>QuÃ¦stio medica â€¦ an a moderata exercitatione firmior sanitas? â€¦</t>
  </si>
  <si>
    <t>Publication Statement: 1727, Dimensions: 25 cm, Bibliographical Note: Two copies.; The other copy is at, 4to Tr.57(2)., Other Names: Fremont, Desidere Claude (Proponent), priref: 21156</t>
  </si>
  <si>
    <t>Alexandre Pierre Mattot</t>
  </si>
  <si>
    <t>In Priora analytica Aristotelis commentaria</t>
  </si>
  <si>
    <t>[P. Juntae]</t>
  </si>
  <si>
    <t>Statement of Responsibility: interprete M. Vergilio ..., Dimensions: 17 cm, Other Names: Vergilius, Marcellus, 1464-1521 (Editor), Class Number: 61, priref: 8959, Barcode: 11106</t>
  </si>
  <si>
    <t>Ioannis Velcurionis commentariorum libri IIII. In universam Aristotelis Physicen: nunc recÃ¨ns summa fide exactÃ¡que diligentia castigati et excusi. Rerum praetereÃ  &amp; vocum memorabilium plenissimus index praefixus</t>
  </si>
  <si>
    <t>Cloquemin, Louis</t>
  </si>
  <si>
    <t>Statement of Responsibility: Collected out of the writings of Conradus Gesner and other authors, by Edward Topsel. Whereunto is now added, the theater of insects; or, lesser living animals ... by T. Muffet ..., Illustrations: ill., Dimensions: 34 cm, Bibliographical Note: Wing G624., Collection: Dorchester, priref: 41310, Barcode: 10092</t>
  </si>
  <si>
    <t>Joannes Velcurio</t>
  </si>
  <si>
    <t>[Galenou 1 [-5]] = Galeni librorum pars prima[-quinta], quorum indicem VI. pagina continet</t>
  </si>
  <si>
    <t>De simplicibus medicamentis ex occidentali India delatis, quorum in medicina usus est</t>
  </si>
  <si>
    <t>M.D.LXXIIII</t>
  </si>
  <si>
    <t>Plantin, Christophe, ca. (Printer)</t>
  </si>
  <si>
    <t>Statement of Responsibility: auctore D. Nicolao Monardis hispalensi medico ; interprete C.Clusio, Publication Statement: Antwerpiae : ex officina Christophori Plantini, Architypographi Regii, M. D. LXXIII., Illustrations: woodcut illustrations, Dimensions: 17 cm (8vo), Provenance: Copy no. 9173-1: Autograph: Simeon Kohauter ?; Copy no. 9173-1: Roberts and Watson note that 'it does not have his name but has his note, dated 1580, against tabaco"" on p.27, Series: also a few underlinings'."", Bibliographical Note: Printer's device on title page.; Copy 9173-1: Dorchester No. D111/5, Summary: Copy 9173-1: Roberts and Watson, 780, Preservation Note: Latin, Genre: Caribbean, Other Names: Woodcut illustrations; Autographs, Class Number: Dee, John, 1527-1608 (Former owner); Dorchester, Henry Pierrepont, Marquis of, 1606-1680 (Donor), Continues: 615, Child: 23146, Barcode: 9173-1</t>
  </si>
  <si>
    <t>NicolÃ¡s Monardes, Carolus Clusius</t>
  </si>
  <si>
    <t>Regalium Franciae libri duo, jura omnia et dignitates christianiss. Galliae regum continentes</t>
  </si>
  <si>
    <t>Du PreÂ´, Galliot</t>
  </si>
  <si>
    <t>Statement of Responsibility: Carolo Degrassalio Carcassonensi authore. Item tractatus jura seu privilegia aliqua regni Franciae continens, per Joannem Ferrault,... editus, Publication Statement: Paris : apud G. Pratensem, 1545, Dimensions: 16 cm, Provenance: Copy 10610: Roberts and Watson note that it 'has no marks but is probably Dee's'., General Note: Copy 10610: Dorchester No. D145b/6, Citation Note: Copy 10610: Roberts and Watson, 1095, Collection: John Dee; Dorchester, Other Names: Ferrault, Jean (Editor); Dorchester, Henry Pierrepont, Marquis of, 1606-1680 (Donor), priref: 36554</t>
  </si>
  <si>
    <t>Charles de Grassaille</t>
  </si>
  <si>
    <t>Pharmacopoeia Collegii Regalis Londini</t>
  </si>
  <si>
    <t>M.DC.LXX VIII</t>
  </si>
  <si>
    <t>apud J. a Gelder</t>
  </si>
  <si>
    <t>Dimensions: 19 cm, Bibliographical Note: S.T.C. 14791.; Two copies.; The other copy is at, 4to Tr.25(2)., Class Number: 615.79, priref: 17288, Barcode: 26806</t>
  </si>
  <si>
    <t>Petri Andrae Matthioli senensis medici, Commentarii in sex libros Pedacii Dioscoridis Anazarbei De medica materia: iam denuo ab ipso autore recogniti, et locis plus mille aucti. Adiectis magnis, ac nouis plantarum, ac animalium iconibus supra priores editiones longÃ¨ pluribus, ad uiuum delineatis. Accesserunt quoque ad margines Graeci contextus quÃ m plurimi, ex antiquissimis codicibus desumpti, qui Dioscoridis ipsius deprauatam lectionem restituunt. Cum locupletissimis indicibus, tum ad rem herbariam, tum medicamentariam pertinentibus. Cum priuilegiis amplissimis, vt videre est statim post praefationem ad lectores</t>
  </si>
  <si>
    <t>MDLXV</t>
  </si>
  <si>
    <t>Publication Statement: Venetiis : Ex Officina Valgrisiana, 1565, Illustrations: woodcut illustrations, portrait, Dimensions: 38 cm, Binding: Full blind tooled (rolled and stamped) alum-tawed pigskin over wooden boards. Stamped '1569' on upper cover., Provenance: Dorchester number 88/2.; Signed 'Petri Tuneri' on title page. Manuscript underlining and annotations, primarily in Latin with some in English, occasionally throughout., Citation Note: EDIT16 CNCE 39013, Collection: Dorchester, Genre: Herbals; Pigskin bindings; Blind tooled bindings; Wooden boards; Annotations; Woodcut illustrations, Other Names: Turner, Peter, 1542-1614 (Former owner); Dorchester, Henry Pierrepont, Marquis of, 1606-1680 (Donor), Images: CN 9279 Mattioli, Commentary on Dioscorides, 1565, title page, Peter Turner inscription 900.jpg, priref: 38726, Barcode: 9279</t>
  </si>
  <si>
    <t>Pietro Andrea Mattioli</t>
  </si>
  <si>
    <t>Mare liberum, sive de jure quod Batavis competit ad Indicana commercia dissertatio</t>
  </si>
  <si>
    <t>Elzevir, Louis</t>
  </si>
  <si>
    <t>Dimensions: 40 cm, Collection: Dorchester, priref: 37731, Barcode: 9669-2</t>
  </si>
  <si>
    <t>Planetologia, rebus astronomicis, medicis et philosophicis erudite referta: ex qua, coelestium corporum cum humanis, et astronomiae cum medicina societas, et harmonia (quam prisci iatromathematiken perapposite nuncuparunt) paucis degustatur, et dilucide aperitur</t>
  </si>
  <si>
    <t>M.D.LI.</t>
  </si>
  <si>
    <t>Publication Statement: Lugduni : Apud Mathiam Bonhomme, 1551, Dimensions: 23 cm, Provenance: Copy 7831-1: Roberts and Watson note that this item is signed 'Joannes Dee 1553. Londini 17. Sept. and that there are underlinings and marginalia in his hand. 'This book probably came to Dorchester from a source other that Nicholas Saunder as both Dee's copies (this and no. 1850) are marked Fr""'."", General Note: Copy 7831-1: Dorchester No. D30/15, Citation Note: Copy 7831-1: Roberts and Watson, 352 or 1850, Collection: John Dee; Dorchester, Genre: Annotations; Autographs, Other Names: Dee, John, 1527-1608 (Former owner); Dorchester, Henry Pierrepont, Marquis of, 1606-1680 (Donor), Images: CN 7831 - Planetologia_Mizauld, 1551.JPG, priref: 38888, Barcode: 7831-1</t>
  </si>
  <si>
    <t>Antoine Mizauld</t>
  </si>
  <si>
    <t>Opera nuoua di fortificare, offendere et difendere; et far gli alloggiamenti campali, secondo l'uso di guerra. Aggiontoui, vn trattato de gl'essamini de' bombardieri, &amp; di far fuochi arteficiati</t>
  </si>
  <si>
    <t>Appresso Gio: Battista Bozola</t>
  </si>
  <si>
    <t>Statement of Responsibility: ed. a G.B.Z., Dimensions: 33 cm, Bibliographical Note: MS. notes., Other Names: Ziletti, Giovanni Battista (Editor), priref: 41983, Barcode: 7827</t>
  </si>
  <si>
    <t>Girolamo Cataneo</t>
  </si>
  <si>
    <t>Commentaria in octo libros Aristotelis de physico auditu</t>
  </si>
  <si>
    <t>apud Ioannem Roigny</t>
  </si>
  <si>
    <t>Publication Statement: Venetiis : in aedibus Aldi, et Andreae Asulani soceri, mense Augusto MDCCVIII, Dimensions: 31 cm, Binding: 17th or 18th century full calf, with treble fillet border. Rebacked in 20th century, Provenance: 16th (?) century Inscription on title page: 'Albertus Le Feure Parisiensis Doctor Medicus'. On Albert le Fevre (d. 1609), see EncyclopÃ©die mÃ©thodique: mÃ©decine (Paris: Panckoucke, 1793), volume 16, p. 368; Armorial donation bookplate of Richard Hale on upper pastedown, General Note: First part of title transliterated from Greek; Printer's device on title page and last page, Genre: Armorial book-plates; Inscriptions; Calf bindings; Printers' devices, Other Names: Le Fevre, Albertus (Former owner); Hale, Richard, 1670-1728 (Donor), Class Number: 61, Images: CN 15886, Paulus Aegineta, 1528, Hale donation bookplate.jpg CN 15886, Paulus Aegineta, 1528, title page inscription by Le Fevre.jpg, priref: 24330, Barcode: 12557</t>
  </si>
  <si>
    <t>Lucillus Philaltheus</t>
  </si>
  <si>
    <t>Theoria medica vera</t>
  </si>
  <si>
    <t>Orphanotrophei (literis)</t>
  </si>
  <si>
    <t>Publication Statement: 1793?, Illustrations: ill., Dimensions: 23 cm, Bibliographical Note: Bibliog.; Bound with Ash, J. Oratio ex Harveii instituto. 1790. Lettered Orations, theses, etc., Class Number: 61(043), priref: 29991, Barcode: 16372-1</t>
  </si>
  <si>
    <t>Georg Ernst Stahl</t>
  </si>
  <si>
    <t>Oratio de novo physiologiae explicandae munere ex Woodwardi testamento instituto</t>
  </si>
  <si>
    <t>MDCCXXXII</t>
  </si>
  <si>
    <t>C. Thurlbourn (imp.)</t>
  </si>
  <si>
    <t>Dimensions: 23 cm, priref: 21895, Barcode: 22590-5</t>
  </si>
  <si>
    <t>Conyers Middleton</t>
  </si>
  <si>
    <t>Ordo secandi &amp; exponendi viscera, praelectionibus in theatro publico chirurgorum Londinensium instantibus aptatus</t>
  </si>
  <si>
    <t>Dimensions: 19 cms, priref: 24296, Barcode: 22432-1</t>
  </si>
  <si>
    <t>Dimensions: 23, 30, 27cm, Series: Harveian oration, Series Number: 1752, General Note: 21440-19: No.9 in a volume lettered 'Orationes Harveianae, 1744-74'; 21521-6: No. 1 in a volume lettered 'Orationes Harveianae, 1752-97'; 21533-2: No. 1 in a volume lettered 'Orationes Harveianae, 1752-66', Class Number: C06.091.4, priref: 22764, Barcode: 21533-2</t>
  </si>
  <si>
    <t>Oratio anniversaria in theatro Collegii Regalis Medicorum Londinensis, ex Harveii instituto, habita a Joanne Latham, M. D. Socio: Die Octobris Decimo Octavo, Festo Sancti Lucae Evangelistae, M. DCC. XC. IV</t>
  </si>
  <si>
    <t>T. Longman</t>
  </si>
  <si>
    <t>John Latham</t>
  </si>
  <si>
    <t>D. m. physiologiam pulsus exhibens</t>
  </si>
  <si>
    <t>Maij MDCLXXXIX</t>
  </si>
  <si>
    <t>May, 1689</t>
  </si>
  <si>
    <t>Illustrations: Map, Dimensions: 22 cms, Bibliographical Note: Map, A1 (?blank), t.-p. and pp. 1-4 wanting.; Wing V 241., priref: 32768, Barcode: 22071-38</t>
  </si>
  <si>
    <t>D. m. de similitudine morborum</t>
  </si>
  <si>
    <t>Octobr MDCLXXXIX</t>
  </si>
  <si>
    <t>October, 1689</t>
  </si>
  <si>
    <t>Publication Statement: 1723, Dimensions: 25 cm, Bibliographical Note: Check date, Other Names: Vasse, David (Praeses); Cosnier, Ludovicus Hieronymus (Respondent), priref: 32417, Barcode: 22071-27</t>
  </si>
  <si>
    <t>D. m. i. de fluore alba</t>
  </si>
  <si>
    <t>Decembr MDCLXXXII</t>
  </si>
  <si>
    <t>December, 1682</t>
  </si>
  <si>
    <t>J. J. Bauhoferi (literis)</t>
  </si>
  <si>
    <t>Dimensions: 20cms, priref: 32433, Barcode: 22071-29</t>
  </si>
  <si>
    <t>[Ioulianou tou Autokratoros Misopo? go? n, kai epistolai.] = Juliani Imperatoris Misopogon et epistolae</t>
  </si>
  <si>
    <t>Publication Statement: 1597-1600, Dimensions: 15 cm, Collection: Dorchester, priref: 38237, Barcode: 1048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Calibri"/>
      <family val="2"/>
      <scheme val="minor"/>
    </font>
    <font>
      <b/>
      <sz val="14"/>
      <color theme="1"/>
      <name val="Calibri"/>
      <family val="2"/>
      <scheme val="minor"/>
    </font>
  </fonts>
  <fills count="4">
    <fill>
      <patternFill patternType="none"/>
    </fill>
    <fill>
      <patternFill patternType="gray125"/>
    </fill>
    <fill>
      <patternFill patternType="solid">
        <fgColor theme="0"/>
        <bgColor indexed="64"/>
      </patternFill>
    </fill>
    <fill>
      <patternFill patternType="solid">
        <fgColor rgb="FF7B3B95"/>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13">
    <xf numFmtId="0" fontId="0" fillId="0" borderId="0" xfId="0"/>
    <xf numFmtId="0" fontId="1" fillId="2" borderId="0" xfId="0" applyFont="1" applyFill="1"/>
    <xf numFmtId="0" fontId="1" fillId="3" borderId="1" xfId="0" applyFont="1" applyFill="1" applyBorder="1"/>
    <xf numFmtId="0" fontId="0" fillId="0" borderId="1" xfId="0" applyBorder="1"/>
    <xf numFmtId="14" fontId="0" fillId="0" borderId="1" xfId="0" applyNumberFormat="1" applyBorder="1"/>
    <xf numFmtId="0" fontId="1" fillId="3" borderId="1" xfId="0" applyFont="1" applyFill="1" applyBorder="1" applyAlignment="1">
      <alignment wrapText="1"/>
    </xf>
    <xf numFmtId="0" fontId="0" fillId="0" borderId="1" xfId="0" applyBorder="1" applyAlignment="1">
      <alignment wrapText="1"/>
    </xf>
    <xf numFmtId="0" fontId="0" fillId="0" borderId="0" xfId="0" applyAlignment="1">
      <alignment wrapText="1"/>
    </xf>
    <xf numFmtId="0" fontId="0" fillId="0" borderId="1" xfId="0" applyBorder="1" applyAlignment="1">
      <alignment horizontal="center"/>
    </xf>
    <xf numFmtId="15" fontId="0" fillId="0" borderId="1" xfId="0" applyNumberFormat="1" applyBorder="1" applyAlignment="1">
      <alignment horizontal="center"/>
    </xf>
    <xf numFmtId="17" fontId="0" fillId="0" borderId="1" xfId="0" applyNumberFormat="1" applyBorder="1" applyAlignment="1">
      <alignment horizontal="center"/>
    </xf>
    <xf numFmtId="0" fontId="0" fillId="0" borderId="0" xfId="0" applyAlignment="1">
      <alignment horizontal="center"/>
    </xf>
    <xf numFmtId="0" fontId="1" fillId="3" borderId="1" xfId="0" applyFont="1" applyFill="1" applyBorder="1" applyAlignment="1">
      <alignment horizontal="left"/>
    </xf>
  </cellXfs>
  <cellStyles count="1">
    <cellStyle name="Normal" xfId="0" builtinId="0"/>
  </cellStyles>
  <dxfs count="0"/>
  <tableStyles count="0" defaultTableStyle="TableStyleMedium2" defaultPivotStyle="PivotStyleLight16"/>
  <colors>
    <mruColors>
      <color rgb="FF7B3B95"/>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queryTables/queryTable1.xml><?xml version="1.0" encoding="utf-8"?>
<queryTable xmlns="http://schemas.openxmlformats.org/spreadsheetml/2006/main" name="RCP-Report" connectionId="1" autoFormatId="16" applyNumberFormats="0" applyBorderFormats="0" applyFontFormats="0" applyPatternFormats="0" applyAlignmentFormats="0" applyWidthHeightFormats="0"/>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queryTable" Target="../queryTables/queryTable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608"/>
  <sheetViews>
    <sheetView tabSelected="1" zoomScaleNormal="100" workbookViewId="0">
      <pane xSplit="1" ySplit="1" topLeftCell="B2" activePane="bottomRight" state="frozen"/>
      <selection pane="topRight" activeCell="B1" sqref="B1"/>
      <selection pane="bottomLeft" activeCell="A2" sqref="A2"/>
      <selection pane="bottomRight" activeCell="A2" sqref="A2"/>
    </sheetView>
  </sheetViews>
  <sheetFormatPr defaultColWidth="8.85546875" defaultRowHeight="15" x14ac:dyDescent="0.25"/>
  <cols>
    <col min="1" max="1" width="106" style="7" customWidth="1"/>
    <col min="2" max="2" width="23" style="11" customWidth="1"/>
    <col min="3" max="3" width="38.7109375" style="11" bestFit="1" customWidth="1"/>
    <col min="4" max="4" width="28.140625" style="11" bestFit="1" customWidth="1"/>
    <col min="5" max="5" width="81.140625" bestFit="1" customWidth="1"/>
    <col min="6" max="6" width="81.140625" style="7" bestFit="1" customWidth="1"/>
    <col min="7" max="7" width="26.28515625" customWidth="1"/>
    <col min="8" max="8" width="21.140625" bestFit="1" customWidth="1"/>
    <col min="9" max="9" width="37" customWidth="1"/>
    <col min="10" max="10" width="59.140625" customWidth="1"/>
    <col min="11" max="11" width="30.140625" customWidth="1"/>
  </cols>
  <sheetData>
    <row r="1" spans="1:11" s="1" customFormat="1" ht="18.75" x14ac:dyDescent="0.3">
      <c r="A1" s="5" t="s">
        <v>0</v>
      </c>
      <c r="B1" s="12" t="s">
        <v>1</v>
      </c>
      <c r="C1" s="12" t="s">
        <v>2</v>
      </c>
      <c r="D1" s="12" t="s">
        <v>3</v>
      </c>
      <c r="E1" s="2" t="s">
        <v>4</v>
      </c>
      <c r="F1" s="5" t="s">
        <v>5</v>
      </c>
      <c r="G1" s="2" t="s">
        <v>6</v>
      </c>
      <c r="H1" s="2" t="s">
        <v>7</v>
      </c>
      <c r="I1" s="2" t="s">
        <v>8</v>
      </c>
      <c r="J1" s="2" t="s">
        <v>9</v>
      </c>
      <c r="K1" s="2" t="s">
        <v>10</v>
      </c>
    </row>
    <row r="2" spans="1:11" ht="75" x14ac:dyDescent="0.25">
      <c r="A2" s="6" t="s">
        <v>4624</v>
      </c>
      <c r="B2" s="8" t="s">
        <v>12</v>
      </c>
      <c r="C2" s="8" t="s">
        <v>13</v>
      </c>
      <c r="D2" s="8">
        <v>1608</v>
      </c>
      <c r="E2" s="3" t="s">
        <v>4625</v>
      </c>
      <c r="F2" s="6" t="s">
        <v>4626</v>
      </c>
      <c r="G2" s="3" t="s">
        <v>16</v>
      </c>
      <c r="H2" s="3" t="s">
        <v>24</v>
      </c>
      <c r="I2" s="3" t="s">
        <v>226</v>
      </c>
      <c r="J2" s="3" t="s">
        <v>4627</v>
      </c>
      <c r="K2" s="4">
        <v>43395</v>
      </c>
    </row>
    <row r="3" spans="1:11" ht="30" x14ac:dyDescent="0.25">
      <c r="A3" s="6" t="s">
        <v>4628</v>
      </c>
      <c r="B3" s="8" t="s">
        <v>12</v>
      </c>
      <c r="C3" s="8" t="s">
        <v>4629</v>
      </c>
      <c r="D3" s="8">
        <v>1536</v>
      </c>
      <c r="E3" s="3" t="s">
        <v>366</v>
      </c>
      <c r="F3" s="6" t="s">
        <v>4630</v>
      </c>
      <c r="G3" s="3" t="s">
        <v>16</v>
      </c>
      <c r="H3" s="3" t="s">
        <v>302</v>
      </c>
      <c r="I3" s="3" t="s">
        <v>57</v>
      </c>
      <c r="J3" s="3" t="s">
        <v>4631</v>
      </c>
      <c r="K3" s="4">
        <v>43395</v>
      </c>
    </row>
    <row r="4" spans="1:11" ht="30" x14ac:dyDescent="0.25">
      <c r="A4" s="6" t="s">
        <v>4632</v>
      </c>
      <c r="B4" s="8" t="s">
        <v>12</v>
      </c>
      <c r="C4" s="8" t="s">
        <v>13</v>
      </c>
      <c r="D4" s="8">
        <v>1650</v>
      </c>
      <c r="E4" s="3" t="s">
        <v>4633</v>
      </c>
      <c r="F4" s="6" t="s">
        <v>4634</v>
      </c>
      <c r="G4" s="3" t="s">
        <v>16</v>
      </c>
      <c r="H4" s="3" t="s">
        <v>302</v>
      </c>
      <c r="I4" s="3" t="s">
        <v>739</v>
      </c>
      <c r="J4" s="3" t="s">
        <v>13</v>
      </c>
      <c r="K4" s="4">
        <v>43395</v>
      </c>
    </row>
    <row r="5" spans="1:11" ht="30" x14ac:dyDescent="0.25">
      <c r="A5" s="6" t="s">
        <v>4635</v>
      </c>
      <c r="B5" s="8" t="s">
        <v>12</v>
      </c>
      <c r="C5" s="8">
        <v>1823</v>
      </c>
      <c r="D5" s="8">
        <v>1823</v>
      </c>
      <c r="E5" s="3" t="s">
        <v>4636</v>
      </c>
      <c r="F5" s="6" t="s">
        <v>4637</v>
      </c>
      <c r="G5" s="3" t="s">
        <v>16</v>
      </c>
      <c r="H5" s="3" t="s">
        <v>24</v>
      </c>
      <c r="I5" s="3" t="s">
        <v>18</v>
      </c>
      <c r="J5" s="3" t="s">
        <v>13</v>
      </c>
      <c r="K5" s="4">
        <v>43395</v>
      </c>
    </row>
    <row r="6" spans="1:11" ht="45" x14ac:dyDescent="0.25">
      <c r="A6" s="6" t="s">
        <v>4638</v>
      </c>
      <c r="B6" s="8" t="s">
        <v>12</v>
      </c>
      <c r="C6" s="8" t="s">
        <v>4639</v>
      </c>
      <c r="D6" s="8">
        <v>1571</v>
      </c>
      <c r="E6" s="3" t="s">
        <v>4640</v>
      </c>
      <c r="F6" s="6" t="s">
        <v>4641</v>
      </c>
      <c r="G6" s="3" t="s">
        <v>16</v>
      </c>
      <c r="H6" s="3" t="s">
        <v>24</v>
      </c>
      <c r="I6" s="3" t="s">
        <v>264</v>
      </c>
      <c r="J6" s="3" t="s">
        <v>4642</v>
      </c>
      <c r="K6" s="4">
        <v>43395</v>
      </c>
    </row>
    <row r="7" spans="1:11" ht="30" x14ac:dyDescent="0.25">
      <c r="A7" s="6" t="s">
        <v>4643</v>
      </c>
      <c r="B7" s="8" t="s">
        <v>12</v>
      </c>
      <c r="C7" s="8" t="s">
        <v>4644</v>
      </c>
      <c r="D7" s="8">
        <v>1532</v>
      </c>
      <c r="E7" s="3" t="s">
        <v>4645</v>
      </c>
      <c r="F7" s="6" t="s">
        <v>4646</v>
      </c>
      <c r="G7" s="3" t="s">
        <v>16</v>
      </c>
      <c r="H7" s="3" t="s">
        <v>24</v>
      </c>
      <c r="I7" s="3" t="s">
        <v>182</v>
      </c>
      <c r="J7" s="3" t="s">
        <v>4647</v>
      </c>
      <c r="K7" s="4">
        <v>43395</v>
      </c>
    </row>
    <row r="8" spans="1:11" ht="30" x14ac:dyDescent="0.25">
      <c r="A8" s="6" t="s">
        <v>4648</v>
      </c>
      <c r="B8" s="8" t="s">
        <v>12</v>
      </c>
      <c r="C8" s="8" t="s">
        <v>4649</v>
      </c>
      <c r="D8" s="8">
        <v>1540</v>
      </c>
      <c r="E8" s="3" t="s">
        <v>2021</v>
      </c>
      <c r="F8" s="6" t="s">
        <v>4650</v>
      </c>
      <c r="G8" s="3" t="s">
        <v>16</v>
      </c>
      <c r="H8" s="3" t="s">
        <v>24</v>
      </c>
      <c r="I8" s="3" t="s">
        <v>52</v>
      </c>
      <c r="J8" s="3" t="s">
        <v>4651</v>
      </c>
      <c r="K8" s="4">
        <v>43395</v>
      </c>
    </row>
    <row r="9" spans="1:11" ht="60" x14ac:dyDescent="0.25">
      <c r="A9" s="6" t="s">
        <v>4652</v>
      </c>
      <c r="B9" s="8" t="s">
        <v>12</v>
      </c>
      <c r="C9" s="8" t="s">
        <v>4653</v>
      </c>
      <c r="D9" s="8">
        <v>1840</v>
      </c>
      <c r="E9" s="3" t="s">
        <v>13</v>
      </c>
      <c r="F9" s="6" t="s">
        <v>4654</v>
      </c>
      <c r="G9" s="3" t="s">
        <v>16</v>
      </c>
      <c r="H9" s="3" t="s">
        <v>24</v>
      </c>
      <c r="I9" s="3" t="s">
        <v>57</v>
      </c>
      <c r="J9" s="3" t="s">
        <v>4655</v>
      </c>
      <c r="K9" s="4">
        <v>43395</v>
      </c>
    </row>
    <row r="10" spans="1:11" ht="75" x14ac:dyDescent="0.25">
      <c r="A10" s="6" t="s">
        <v>4624</v>
      </c>
      <c r="B10" s="8" t="s">
        <v>12</v>
      </c>
      <c r="C10" s="8" t="s">
        <v>1583</v>
      </c>
      <c r="D10" s="8">
        <v>1608</v>
      </c>
      <c r="E10" s="3" t="s">
        <v>4625</v>
      </c>
      <c r="F10" s="6" t="s">
        <v>4626</v>
      </c>
      <c r="G10" s="3" t="s">
        <v>16</v>
      </c>
      <c r="H10" s="3" t="s">
        <v>24</v>
      </c>
      <c r="I10" s="3" t="s">
        <v>226</v>
      </c>
      <c r="J10" s="3" t="s">
        <v>4627</v>
      </c>
      <c r="K10" s="4">
        <v>43395</v>
      </c>
    </row>
    <row r="11" spans="1:11" ht="30" x14ac:dyDescent="0.25">
      <c r="A11" s="6" t="s">
        <v>4656</v>
      </c>
      <c r="B11" s="8" t="s">
        <v>12</v>
      </c>
      <c r="C11" s="8" t="s">
        <v>13</v>
      </c>
      <c r="D11" s="8">
        <v>1660</v>
      </c>
      <c r="E11" s="3" t="s">
        <v>3349</v>
      </c>
      <c r="F11" s="6" t="s">
        <v>4657</v>
      </c>
      <c r="G11" s="3" t="s">
        <v>16</v>
      </c>
      <c r="H11" s="3" t="s">
        <v>302</v>
      </c>
      <c r="I11" s="3" t="s">
        <v>226</v>
      </c>
      <c r="J11" s="3" t="s">
        <v>13</v>
      </c>
      <c r="K11" s="4">
        <v>43395</v>
      </c>
    </row>
    <row r="12" spans="1:11" x14ac:dyDescent="0.25">
      <c r="A12" s="6" t="s">
        <v>4658</v>
      </c>
      <c r="B12" s="8" t="s">
        <v>12</v>
      </c>
      <c r="C12" s="8">
        <v>1856</v>
      </c>
      <c r="D12" s="8">
        <v>1856</v>
      </c>
      <c r="E12" s="3" t="s">
        <v>13</v>
      </c>
      <c r="F12" s="6" t="s">
        <v>4659</v>
      </c>
      <c r="G12" s="3" t="s">
        <v>16</v>
      </c>
      <c r="H12" s="3" t="s">
        <v>30</v>
      </c>
      <c r="I12" s="3" t="s">
        <v>57</v>
      </c>
      <c r="J12" s="3" t="s">
        <v>4660</v>
      </c>
      <c r="K12" s="4">
        <v>43395</v>
      </c>
    </row>
    <row r="13" spans="1:11" ht="90" x14ac:dyDescent="0.25">
      <c r="A13" s="6" t="s">
        <v>4661</v>
      </c>
      <c r="B13" s="8" t="s">
        <v>12</v>
      </c>
      <c r="C13" s="8">
        <v>1729</v>
      </c>
      <c r="D13" s="8">
        <v>1729</v>
      </c>
      <c r="E13" s="3" t="s">
        <v>4662</v>
      </c>
      <c r="F13" s="6" t="s">
        <v>4663</v>
      </c>
      <c r="G13" s="3" t="s">
        <v>16</v>
      </c>
      <c r="H13" s="3" t="s">
        <v>24</v>
      </c>
      <c r="I13" s="3" t="s">
        <v>52</v>
      </c>
      <c r="J13" s="3" t="s">
        <v>4664</v>
      </c>
      <c r="K13" s="4">
        <v>43395</v>
      </c>
    </row>
    <row r="14" spans="1:11" x14ac:dyDescent="0.25">
      <c r="A14" s="6" t="s">
        <v>4665</v>
      </c>
      <c r="B14" s="8" t="s">
        <v>12</v>
      </c>
      <c r="C14" s="8" t="s">
        <v>4666</v>
      </c>
      <c r="D14" s="8" t="s">
        <v>4667</v>
      </c>
      <c r="E14" s="3" t="s">
        <v>4668</v>
      </c>
      <c r="F14" s="6" t="s">
        <v>4669</v>
      </c>
      <c r="G14" s="3" t="s">
        <v>16</v>
      </c>
      <c r="H14" s="3" t="s">
        <v>24</v>
      </c>
      <c r="I14" s="3" t="s">
        <v>52</v>
      </c>
      <c r="J14" s="3" t="s">
        <v>13</v>
      </c>
      <c r="K14" s="4">
        <v>43395</v>
      </c>
    </row>
    <row r="15" spans="1:11" ht="45" x14ac:dyDescent="0.25">
      <c r="A15" s="6" t="s">
        <v>4670</v>
      </c>
      <c r="B15" s="8" t="s">
        <v>12</v>
      </c>
      <c r="C15" s="8" t="s">
        <v>4671</v>
      </c>
      <c r="D15" s="8">
        <v>1758</v>
      </c>
      <c r="E15" s="3" t="s">
        <v>4672</v>
      </c>
      <c r="F15" s="6" t="s">
        <v>4673</v>
      </c>
      <c r="G15" s="3" t="s">
        <v>16</v>
      </c>
      <c r="H15" s="3" t="s">
        <v>24</v>
      </c>
      <c r="I15" s="3" t="s">
        <v>18</v>
      </c>
      <c r="J15" s="3" t="s">
        <v>4674</v>
      </c>
      <c r="K15" s="4">
        <v>43395</v>
      </c>
    </row>
    <row r="16" spans="1:11" x14ac:dyDescent="0.25">
      <c r="A16" s="6" t="s">
        <v>4675</v>
      </c>
      <c r="B16" s="8" t="s">
        <v>12</v>
      </c>
      <c r="C16" s="8" t="s">
        <v>4676</v>
      </c>
      <c r="D16" s="8">
        <v>1582</v>
      </c>
      <c r="E16" s="3" t="s">
        <v>4677</v>
      </c>
      <c r="F16" s="6" t="s">
        <v>4678</v>
      </c>
      <c r="G16" s="3" t="s">
        <v>16</v>
      </c>
      <c r="H16" s="3" t="s">
        <v>302</v>
      </c>
      <c r="I16" s="3" t="s">
        <v>57</v>
      </c>
      <c r="J16" s="3" t="s">
        <v>4679</v>
      </c>
      <c r="K16" s="4">
        <v>43395</v>
      </c>
    </row>
    <row r="17" spans="1:11" ht="105" x14ac:dyDescent="0.25">
      <c r="A17" s="6" t="s">
        <v>4680</v>
      </c>
      <c r="B17" s="8" t="s">
        <v>12</v>
      </c>
      <c r="C17" s="8" t="s">
        <v>4681</v>
      </c>
      <c r="D17" s="8">
        <v>1601</v>
      </c>
      <c r="E17" s="3" t="s">
        <v>4682</v>
      </c>
      <c r="F17" s="6" t="s">
        <v>4683</v>
      </c>
      <c r="G17" s="3" t="s">
        <v>16</v>
      </c>
      <c r="H17" s="3" t="s">
        <v>24</v>
      </c>
      <c r="I17" s="3" t="s">
        <v>4684</v>
      </c>
      <c r="J17" s="3" t="s">
        <v>4685</v>
      </c>
      <c r="K17" s="4">
        <v>43395</v>
      </c>
    </row>
    <row r="18" spans="1:11" ht="105" x14ac:dyDescent="0.25">
      <c r="A18" s="6" t="s">
        <v>4686</v>
      </c>
      <c r="B18" s="8" t="s">
        <v>12</v>
      </c>
      <c r="C18" s="8" t="s">
        <v>1636</v>
      </c>
      <c r="D18" s="8">
        <v>1819</v>
      </c>
      <c r="E18" s="3" t="s">
        <v>13</v>
      </c>
      <c r="F18" s="6" t="s">
        <v>4687</v>
      </c>
      <c r="G18" s="3" t="s">
        <v>16</v>
      </c>
      <c r="H18" s="3" t="s">
        <v>1724</v>
      </c>
      <c r="I18" s="3" t="s">
        <v>31</v>
      </c>
      <c r="J18" s="3" t="s">
        <v>4688</v>
      </c>
      <c r="K18" s="4">
        <v>43395</v>
      </c>
    </row>
    <row r="19" spans="1:11" ht="270" x14ac:dyDescent="0.25">
      <c r="A19" s="6" t="s">
        <v>4689</v>
      </c>
      <c r="B19" s="8" t="s">
        <v>12</v>
      </c>
      <c r="C19" s="8" t="s">
        <v>13</v>
      </c>
      <c r="D19" s="8">
        <v>1504</v>
      </c>
      <c r="E19" s="3" t="s">
        <v>4690</v>
      </c>
      <c r="F19" s="6" t="s">
        <v>4691</v>
      </c>
      <c r="G19" s="3" t="s">
        <v>16</v>
      </c>
      <c r="H19" s="3" t="s">
        <v>24</v>
      </c>
      <c r="I19" s="3" t="s">
        <v>4042</v>
      </c>
      <c r="J19" s="3" t="s">
        <v>4692</v>
      </c>
      <c r="K19" s="4">
        <v>43395</v>
      </c>
    </row>
    <row r="20" spans="1:11" ht="105" x14ac:dyDescent="0.25">
      <c r="A20" s="6" t="s">
        <v>4693</v>
      </c>
      <c r="B20" s="8" t="s">
        <v>12</v>
      </c>
      <c r="C20" s="8" t="s">
        <v>4694</v>
      </c>
      <c r="D20" s="8">
        <v>1549</v>
      </c>
      <c r="E20" s="3" t="s">
        <v>4695</v>
      </c>
      <c r="F20" s="6" t="s">
        <v>4696</v>
      </c>
      <c r="G20" s="3" t="s">
        <v>16</v>
      </c>
      <c r="H20" s="3" t="s">
        <v>24</v>
      </c>
      <c r="I20" s="3" t="s">
        <v>388</v>
      </c>
      <c r="J20" s="3" t="s">
        <v>4697</v>
      </c>
      <c r="K20" s="4">
        <v>43395</v>
      </c>
    </row>
    <row r="21" spans="1:11" ht="30" x14ac:dyDescent="0.25">
      <c r="A21" s="6" t="s">
        <v>5750</v>
      </c>
      <c r="B21" s="8" t="s">
        <v>12</v>
      </c>
      <c r="C21" s="8" t="s">
        <v>13</v>
      </c>
      <c r="D21" s="8">
        <v>1521</v>
      </c>
      <c r="E21" s="3" t="s">
        <v>5751</v>
      </c>
      <c r="F21" s="6" t="s">
        <v>5752</v>
      </c>
      <c r="G21" s="3" t="s">
        <v>16</v>
      </c>
      <c r="H21" s="3" t="s">
        <v>1724</v>
      </c>
      <c r="I21" s="3" t="s">
        <v>31</v>
      </c>
      <c r="J21" s="3"/>
      <c r="K21" s="4">
        <v>43395</v>
      </c>
    </row>
    <row r="22" spans="1:11" ht="60" x14ac:dyDescent="0.25">
      <c r="A22" s="6" t="s">
        <v>5753</v>
      </c>
      <c r="B22" s="8" t="s">
        <v>12</v>
      </c>
      <c r="C22" s="8">
        <v>1573</v>
      </c>
      <c r="D22" s="8">
        <v>1573</v>
      </c>
      <c r="E22" s="3" t="s">
        <v>5754</v>
      </c>
      <c r="F22" s="6" t="s">
        <v>5755</v>
      </c>
      <c r="G22" s="3" t="s">
        <v>16</v>
      </c>
      <c r="H22" s="3" t="s">
        <v>30</v>
      </c>
      <c r="I22" s="3" t="s">
        <v>388</v>
      </c>
      <c r="J22" s="3" t="s">
        <v>5756</v>
      </c>
      <c r="K22" s="4">
        <v>43395</v>
      </c>
    </row>
    <row r="23" spans="1:11" ht="75" x14ac:dyDescent="0.25">
      <c r="A23" s="6" t="s">
        <v>4624</v>
      </c>
      <c r="B23" s="8" t="s">
        <v>12</v>
      </c>
      <c r="C23" s="8" t="s">
        <v>1357</v>
      </c>
      <c r="D23" s="8">
        <v>1608</v>
      </c>
      <c r="E23" s="3" t="s">
        <v>4625</v>
      </c>
      <c r="F23" s="6" t="s">
        <v>4626</v>
      </c>
      <c r="G23" s="3" t="s">
        <v>16</v>
      </c>
      <c r="H23" s="3" t="s">
        <v>24</v>
      </c>
      <c r="I23" s="3" t="s">
        <v>226</v>
      </c>
      <c r="J23" s="3" t="s">
        <v>4627</v>
      </c>
      <c r="K23" s="4">
        <v>43395</v>
      </c>
    </row>
    <row r="24" spans="1:11" ht="45" x14ac:dyDescent="0.25">
      <c r="A24" s="6" t="s">
        <v>5757</v>
      </c>
      <c r="B24" s="8" t="s">
        <v>12</v>
      </c>
      <c r="C24" s="8" t="s">
        <v>13</v>
      </c>
      <c r="D24" s="8">
        <v>1525</v>
      </c>
      <c r="E24" s="3" t="s">
        <v>767</v>
      </c>
      <c r="F24" s="6" t="s">
        <v>768</v>
      </c>
      <c r="G24" s="3" t="s">
        <v>16</v>
      </c>
      <c r="H24" s="3" t="s">
        <v>538</v>
      </c>
      <c r="I24" s="3" t="s">
        <v>264</v>
      </c>
      <c r="J24" s="3"/>
      <c r="K24" s="4">
        <v>43395</v>
      </c>
    </row>
    <row r="25" spans="1:11" ht="165" x14ac:dyDescent="0.25">
      <c r="A25" s="6" t="s">
        <v>5758</v>
      </c>
      <c r="B25" s="8" t="s">
        <v>12</v>
      </c>
      <c r="C25" s="8" t="s">
        <v>5759</v>
      </c>
      <c r="D25" s="8">
        <v>1574</v>
      </c>
      <c r="E25" s="3" t="s">
        <v>5760</v>
      </c>
      <c r="F25" s="6" t="s">
        <v>5761</v>
      </c>
      <c r="G25" s="3" t="s">
        <v>16</v>
      </c>
      <c r="H25" s="3" t="s">
        <v>24</v>
      </c>
      <c r="I25" s="3" t="s">
        <v>203</v>
      </c>
      <c r="J25" s="3" t="s">
        <v>5762</v>
      </c>
      <c r="K25" s="4">
        <v>43395</v>
      </c>
    </row>
    <row r="26" spans="1:11" ht="105" x14ac:dyDescent="0.25">
      <c r="A26" s="6" t="s">
        <v>5763</v>
      </c>
      <c r="B26" s="8" t="s">
        <v>12</v>
      </c>
      <c r="C26" s="8">
        <v>1545</v>
      </c>
      <c r="D26" s="8">
        <v>1545</v>
      </c>
      <c r="E26" s="3" t="s">
        <v>5764</v>
      </c>
      <c r="F26" s="6" t="s">
        <v>5765</v>
      </c>
      <c r="G26" s="3" t="s">
        <v>16</v>
      </c>
      <c r="H26" s="3" t="s">
        <v>30</v>
      </c>
      <c r="I26" s="3" t="s">
        <v>171</v>
      </c>
      <c r="J26" s="3" t="s">
        <v>5766</v>
      </c>
      <c r="K26" s="4">
        <v>43395</v>
      </c>
    </row>
    <row r="27" spans="1:11" ht="30" x14ac:dyDescent="0.25">
      <c r="A27" s="6" t="s">
        <v>5767</v>
      </c>
      <c r="B27" s="8" t="s">
        <v>12</v>
      </c>
      <c r="C27" s="8" t="s">
        <v>5768</v>
      </c>
      <c r="D27" s="8">
        <v>1677</v>
      </c>
      <c r="E27" s="3" t="s">
        <v>5769</v>
      </c>
      <c r="F27" s="6" t="s">
        <v>5770</v>
      </c>
      <c r="G27" s="3" t="s">
        <v>16</v>
      </c>
      <c r="H27" s="3" t="s">
        <v>24</v>
      </c>
      <c r="I27" s="3" t="s">
        <v>226</v>
      </c>
      <c r="J27" s="3" t="s">
        <v>13</v>
      </c>
      <c r="K27" s="4">
        <v>43395</v>
      </c>
    </row>
    <row r="28" spans="1:11" ht="165" x14ac:dyDescent="0.25">
      <c r="A28" s="6" t="s">
        <v>5771</v>
      </c>
      <c r="B28" s="8" t="s">
        <v>12</v>
      </c>
      <c r="C28" s="8" t="s">
        <v>5772</v>
      </c>
      <c r="D28" s="8">
        <v>1565</v>
      </c>
      <c r="E28" s="3" t="s">
        <v>1059</v>
      </c>
      <c r="F28" s="6" t="s">
        <v>5773</v>
      </c>
      <c r="G28" s="3" t="s">
        <v>16</v>
      </c>
      <c r="H28" s="3" t="s">
        <v>24</v>
      </c>
      <c r="I28" s="3" t="s">
        <v>264</v>
      </c>
      <c r="J28" s="3" t="s">
        <v>5774</v>
      </c>
      <c r="K28" s="4">
        <v>43395</v>
      </c>
    </row>
    <row r="29" spans="1:11" x14ac:dyDescent="0.25">
      <c r="A29" s="6" t="s">
        <v>5775</v>
      </c>
      <c r="B29" s="8" t="s">
        <v>12</v>
      </c>
      <c r="C29" s="8" t="s">
        <v>13</v>
      </c>
      <c r="D29" s="8">
        <v>1609</v>
      </c>
      <c r="E29" s="3" t="s">
        <v>5776</v>
      </c>
      <c r="F29" s="6" t="s">
        <v>5777</v>
      </c>
      <c r="G29" s="3" t="s">
        <v>16</v>
      </c>
      <c r="H29" s="3" t="s">
        <v>24</v>
      </c>
      <c r="I29" s="3" t="s">
        <v>226</v>
      </c>
      <c r="J29" s="3" t="s">
        <v>5219</v>
      </c>
      <c r="K29" s="4">
        <v>43395</v>
      </c>
    </row>
    <row r="30" spans="1:11" ht="75" x14ac:dyDescent="0.25">
      <c r="A30" s="6" t="s">
        <v>4624</v>
      </c>
      <c r="B30" s="8" t="s">
        <v>12</v>
      </c>
      <c r="C30" s="8" t="s">
        <v>1357</v>
      </c>
      <c r="D30" s="8">
        <v>1608</v>
      </c>
      <c r="E30" s="3" t="s">
        <v>4625</v>
      </c>
      <c r="F30" s="6" t="s">
        <v>4626</v>
      </c>
      <c r="G30" s="3" t="s">
        <v>16</v>
      </c>
      <c r="H30" s="3" t="s">
        <v>24</v>
      </c>
      <c r="I30" s="3" t="s">
        <v>226</v>
      </c>
      <c r="J30" s="3" t="s">
        <v>4627</v>
      </c>
      <c r="K30" s="4">
        <v>43395</v>
      </c>
    </row>
    <row r="31" spans="1:11" ht="150" x14ac:dyDescent="0.25">
      <c r="A31" s="6" t="s">
        <v>5778</v>
      </c>
      <c r="B31" s="8" t="s">
        <v>12</v>
      </c>
      <c r="C31" s="8" t="s">
        <v>5779</v>
      </c>
      <c r="D31" s="8">
        <v>1551</v>
      </c>
      <c r="E31" s="3" t="s">
        <v>616</v>
      </c>
      <c r="F31" s="6" t="s">
        <v>5780</v>
      </c>
      <c r="G31" s="3" t="s">
        <v>16</v>
      </c>
      <c r="H31" s="3" t="s">
        <v>24</v>
      </c>
      <c r="I31" s="3" t="s">
        <v>388</v>
      </c>
      <c r="J31" s="3" t="s">
        <v>5781</v>
      </c>
      <c r="K31" s="4">
        <v>43395</v>
      </c>
    </row>
    <row r="32" spans="1:11" ht="30" x14ac:dyDescent="0.25">
      <c r="A32" s="6" t="s">
        <v>5782</v>
      </c>
      <c r="B32" s="8" t="s">
        <v>12</v>
      </c>
      <c r="C32" s="8" t="s">
        <v>4699</v>
      </c>
      <c r="D32" s="8">
        <v>1664</v>
      </c>
      <c r="E32" s="3" t="s">
        <v>5783</v>
      </c>
      <c r="F32" s="6" t="s">
        <v>5784</v>
      </c>
      <c r="G32" s="3" t="s">
        <v>16</v>
      </c>
      <c r="H32" s="3" t="s">
        <v>302</v>
      </c>
      <c r="I32" s="3" t="s">
        <v>57</v>
      </c>
      <c r="J32" s="3" t="s">
        <v>5785</v>
      </c>
      <c r="K32" s="4">
        <v>43395</v>
      </c>
    </row>
    <row r="33" spans="1:11" ht="165" x14ac:dyDescent="0.25">
      <c r="A33" s="6" t="s">
        <v>5786</v>
      </c>
      <c r="B33" s="8" t="s">
        <v>12</v>
      </c>
      <c r="C33" s="8">
        <v>1544</v>
      </c>
      <c r="D33" s="8">
        <v>1544</v>
      </c>
      <c r="E33" s="3" t="s">
        <v>5787</v>
      </c>
      <c r="F33" s="6" t="s">
        <v>5788</v>
      </c>
      <c r="G33" s="3" t="s">
        <v>16</v>
      </c>
      <c r="H33" s="3" t="s">
        <v>24</v>
      </c>
      <c r="I33" s="3" t="s">
        <v>52</v>
      </c>
      <c r="J33" s="3" t="s">
        <v>5789</v>
      </c>
      <c r="K33" s="4">
        <v>43395</v>
      </c>
    </row>
    <row r="34" spans="1:11" ht="45" x14ac:dyDescent="0.25">
      <c r="A34" s="6" t="s">
        <v>5790</v>
      </c>
      <c r="B34" s="8" t="s">
        <v>12</v>
      </c>
      <c r="C34" s="8" t="s">
        <v>3501</v>
      </c>
      <c r="D34" s="8">
        <v>1708</v>
      </c>
      <c r="E34" s="3" t="s">
        <v>5791</v>
      </c>
      <c r="F34" s="6" t="s">
        <v>5792</v>
      </c>
      <c r="G34" s="3" t="s">
        <v>16</v>
      </c>
      <c r="H34" s="3" t="s">
        <v>24</v>
      </c>
      <c r="I34" s="3" t="s">
        <v>1369</v>
      </c>
      <c r="J34" s="3" t="s">
        <v>5793</v>
      </c>
      <c r="K34" s="4">
        <v>43395</v>
      </c>
    </row>
    <row r="35" spans="1:11" x14ac:dyDescent="0.25">
      <c r="A35" s="6" t="s">
        <v>5794</v>
      </c>
      <c r="B35" s="8" t="s">
        <v>12</v>
      </c>
      <c r="C35" s="8" t="s">
        <v>5795</v>
      </c>
      <c r="D35" s="8">
        <v>1732</v>
      </c>
      <c r="E35" s="3" t="s">
        <v>5796</v>
      </c>
      <c r="F35" s="6" t="s">
        <v>5797</v>
      </c>
      <c r="G35" s="3" t="s">
        <v>16</v>
      </c>
      <c r="H35" s="3" t="s">
        <v>24</v>
      </c>
      <c r="I35" s="3" t="s">
        <v>18</v>
      </c>
      <c r="J35" s="3" t="s">
        <v>5798</v>
      </c>
      <c r="K35" s="4">
        <v>43395</v>
      </c>
    </row>
    <row r="36" spans="1:11" ht="30" x14ac:dyDescent="0.25">
      <c r="A36" s="6" t="s">
        <v>5799</v>
      </c>
      <c r="B36" s="8" t="s">
        <v>12</v>
      </c>
      <c r="C36" s="8" t="s">
        <v>1839</v>
      </c>
      <c r="D36" s="8">
        <v>1714</v>
      </c>
      <c r="E36" s="3" t="s">
        <v>13</v>
      </c>
      <c r="F36" s="6" t="s">
        <v>5800</v>
      </c>
      <c r="G36" s="3" t="s">
        <v>16</v>
      </c>
      <c r="H36" s="3" t="s">
        <v>24</v>
      </c>
      <c r="I36" s="3" t="s">
        <v>18</v>
      </c>
      <c r="J36" s="3" t="s">
        <v>13</v>
      </c>
      <c r="K36" s="4">
        <v>43395</v>
      </c>
    </row>
    <row r="37" spans="1:11" ht="75" x14ac:dyDescent="0.25">
      <c r="A37" s="6" t="s">
        <v>4069</v>
      </c>
      <c r="B37" s="8" t="s">
        <v>12</v>
      </c>
      <c r="C37" s="8" t="s">
        <v>2766</v>
      </c>
      <c r="D37" s="8">
        <v>1753</v>
      </c>
      <c r="E37" s="3" t="s">
        <v>4071</v>
      </c>
      <c r="F37" s="6" t="s">
        <v>5801</v>
      </c>
      <c r="G37" s="3" t="s">
        <v>16</v>
      </c>
      <c r="H37" s="3" t="s">
        <v>24</v>
      </c>
      <c r="I37" s="3" t="s">
        <v>18</v>
      </c>
      <c r="J37" s="3" t="s">
        <v>4072</v>
      </c>
      <c r="K37" s="4">
        <v>43395</v>
      </c>
    </row>
    <row r="38" spans="1:11" ht="90" x14ac:dyDescent="0.25">
      <c r="A38" s="6" t="s">
        <v>5802</v>
      </c>
      <c r="B38" s="8" t="s">
        <v>12</v>
      </c>
      <c r="C38" s="8" t="s">
        <v>13</v>
      </c>
      <c r="D38" s="8">
        <v>1794</v>
      </c>
      <c r="E38" s="3" t="s">
        <v>5803</v>
      </c>
      <c r="F38" s="6" t="s">
        <v>441</v>
      </c>
      <c r="G38" s="3" t="s">
        <v>16</v>
      </c>
      <c r="H38" s="3" t="s">
        <v>24</v>
      </c>
      <c r="I38" s="3" t="s">
        <v>18</v>
      </c>
      <c r="J38" s="3" t="s">
        <v>5804</v>
      </c>
      <c r="K38" s="4">
        <v>43395</v>
      </c>
    </row>
    <row r="39" spans="1:11" ht="30" x14ac:dyDescent="0.25">
      <c r="A39" s="6" t="s">
        <v>5805</v>
      </c>
      <c r="B39" s="8" t="s">
        <v>12</v>
      </c>
      <c r="C39" s="8" t="s">
        <v>5806</v>
      </c>
      <c r="D39" s="8" t="s">
        <v>5807</v>
      </c>
      <c r="E39" s="3" t="s">
        <v>454</v>
      </c>
      <c r="F39" s="6" t="s">
        <v>5808</v>
      </c>
      <c r="G39" s="3" t="s">
        <v>16</v>
      </c>
      <c r="H39" s="3" t="s">
        <v>24</v>
      </c>
      <c r="I39" s="3" t="s">
        <v>166</v>
      </c>
      <c r="J39" s="3" t="s">
        <v>13</v>
      </c>
      <c r="K39" s="4">
        <v>43395</v>
      </c>
    </row>
    <row r="40" spans="1:11" ht="45" x14ac:dyDescent="0.25">
      <c r="A40" s="6" t="s">
        <v>5809</v>
      </c>
      <c r="B40" s="8" t="s">
        <v>12</v>
      </c>
      <c r="C40" s="8" t="s">
        <v>5810</v>
      </c>
      <c r="D40" s="8" t="s">
        <v>5811</v>
      </c>
      <c r="E40" s="3" t="s">
        <v>3485</v>
      </c>
      <c r="F40" s="6" t="s">
        <v>5812</v>
      </c>
      <c r="G40" s="3" t="s">
        <v>16</v>
      </c>
      <c r="H40" s="3" t="s">
        <v>24</v>
      </c>
      <c r="I40" s="3" t="s">
        <v>166</v>
      </c>
      <c r="J40" s="3" t="s">
        <v>13</v>
      </c>
      <c r="K40" s="4">
        <v>43395</v>
      </c>
    </row>
    <row r="41" spans="1:11" x14ac:dyDescent="0.25">
      <c r="A41" s="6" t="s">
        <v>5813</v>
      </c>
      <c r="B41" s="8" t="s">
        <v>12</v>
      </c>
      <c r="C41" s="8" t="s">
        <v>5814</v>
      </c>
      <c r="D41" s="8" t="s">
        <v>5815</v>
      </c>
      <c r="E41" s="3" t="s">
        <v>5816</v>
      </c>
      <c r="F41" s="6" t="s">
        <v>5817</v>
      </c>
      <c r="G41" s="3" t="s">
        <v>16</v>
      </c>
      <c r="H41" s="3" t="s">
        <v>24</v>
      </c>
      <c r="I41" s="3" t="s">
        <v>166</v>
      </c>
      <c r="J41" s="3" t="s">
        <v>13</v>
      </c>
      <c r="K41" s="4">
        <v>43395</v>
      </c>
    </row>
    <row r="42" spans="1:11" ht="30" x14ac:dyDescent="0.25">
      <c r="A42" s="6" t="s">
        <v>5818</v>
      </c>
      <c r="B42" s="8" t="s">
        <v>12</v>
      </c>
      <c r="C42" s="8">
        <v>1566</v>
      </c>
      <c r="D42" s="8">
        <v>1566</v>
      </c>
      <c r="E42" s="3" t="s">
        <v>392</v>
      </c>
      <c r="F42" s="6" t="s">
        <v>5819</v>
      </c>
      <c r="G42" s="3" t="s">
        <v>16</v>
      </c>
      <c r="H42" s="3" t="s">
        <v>538</v>
      </c>
      <c r="I42" s="3" t="s">
        <v>171</v>
      </c>
      <c r="J42" s="3"/>
      <c r="K42" s="4">
        <v>43395</v>
      </c>
    </row>
    <row r="43" spans="1:11" x14ac:dyDescent="0.25">
      <c r="A43" s="6" t="s">
        <v>69</v>
      </c>
      <c r="B43" s="8" t="s">
        <v>12</v>
      </c>
      <c r="C43" s="8" t="s">
        <v>70</v>
      </c>
      <c r="D43" s="8">
        <v>1651</v>
      </c>
      <c r="E43" s="3" t="s">
        <v>71</v>
      </c>
      <c r="F43" s="6" t="s">
        <v>72</v>
      </c>
      <c r="G43" s="3" t="s">
        <v>16</v>
      </c>
      <c r="H43" s="3" t="s">
        <v>24</v>
      </c>
      <c r="I43" s="3" t="s">
        <v>57</v>
      </c>
      <c r="J43" s="3" t="s">
        <v>73</v>
      </c>
      <c r="K43" s="4">
        <v>43392</v>
      </c>
    </row>
    <row r="44" spans="1:11" ht="45" x14ac:dyDescent="0.25">
      <c r="A44" s="6" t="s">
        <v>114</v>
      </c>
      <c r="B44" s="8" t="s">
        <v>12</v>
      </c>
      <c r="C44" s="8">
        <v>1574</v>
      </c>
      <c r="D44" s="8">
        <v>1574</v>
      </c>
      <c r="E44" s="3" t="s">
        <v>115</v>
      </c>
      <c r="F44" s="6" t="s">
        <v>116</v>
      </c>
      <c r="G44" s="3" t="s">
        <v>16</v>
      </c>
      <c r="H44" s="3" t="s">
        <v>24</v>
      </c>
      <c r="I44" s="3" t="s">
        <v>18</v>
      </c>
      <c r="J44" s="3" t="s">
        <v>117</v>
      </c>
      <c r="K44" s="4">
        <v>43392</v>
      </c>
    </row>
    <row r="45" spans="1:11" ht="45" x14ac:dyDescent="0.25">
      <c r="A45" s="6" t="s">
        <v>146</v>
      </c>
      <c r="B45" s="8" t="s">
        <v>12</v>
      </c>
      <c r="C45" s="8" t="s">
        <v>147</v>
      </c>
      <c r="D45" s="8" t="s">
        <v>148</v>
      </c>
      <c r="E45" s="3" t="s">
        <v>149</v>
      </c>
      <c r="F45" s="6" t="s">
        <v>150</v>
      </c>
      <c r="G45" s="3" t="s">
        <v>16</v>
      </c>
      <c r="H45" s="3" t="s">
        <v>24</v>
      </c>
      <c r="I45" s="3" t="s">
        <v>57</v>
      </c>
      <c r="J45" s="3" t="s">
        <v>151</v>
      </c>
      <c r="K45" s="4">
        <v>43392</v>
      </c>
    </row>
    <row r="46" spans="1:11" ht="60" x14ac:dyDescent="0.25">
      <c r="A46" s="6" t="s">
        <v>178</v>
      </c>
      <c r="B46" s="8" t="s">
        <v>12</v>
      </c>
      <c r="C46" s="8" t="s">
        <v>179</v>
      </c>
      <c r="D46" s="8">
        <v>1551</v>
      </c>
      <c r="E46" s="3" t="s">
        <v>180</v>
      </c>
      <c r="F46" s="6" t="s">
        <v>181</v>
      </c>
      <c r="G46" s="3" t="s">
        <v>16</v>
      </c>
      <c r="H46" s="3" t="s">
        <v>24</v>
      </c>
      <c r="I46" s="3" t="s">
        <v>182</v>
      </c>
      <c r="J46" s="3" t="s">
        <v>183</v>
      </c>
      <c r="K46" s="4">
        <v>43392</v>
      </c>
    </row>
    <row r="47" spans="1:11" x14ac:dyDescent="0.25">
      <c r="A47" s="6" t="s">
        <v>300</v>
      </c>
      <c r="B47" s="8" t="s">
        <v>12</v>
      </c>
      <c r="C47" s="8" t="s">
        <v>13</v>
      </c>
      <c r="D47" s="8">
        <v>1711</v>
      </c>
      <c r="E47" s="3" t="s">
        <v>13</v>
      </c>
      <c r="F47" s="6" t="s">
        <v>301</v>
      </c>
      <c r="G47" s="3" t="s">
        <v>16</v>
      </c>
      <c r="H47" s="3" t="s">
        <v>302</v>
      </c>
      <c r="I47" s="3" t="s">
        <v>57</v>
      </c>
      <c r="J47" s="3" t="s">
        <v>303</v>
      </c>
      <c r="K47" s="4">
        <v>43392</v>
      </c>
    </row>
    <row r="48" spans="1:11" x14ac:dyDescent="0.25">
      <c r="A48" s="6" t="s">
        <v>446</v>
      </c>
      <c r="B48" s="8" t="s">
        <v>12</v>
      </c>
      <c r="C48" s="8" t="s">
        <v>447</v>
      </c>
      <c r="D48" s="8">
        <v>1680</v>
      </c>
      <c r="E48" s="3" t="s">
        <v>448</v>
      </c>
      <c r="F48" s="6" t="s">
        <v>449</v>
      </c>
      <c r="G48" s="3" t="s">
        <v>16</v>
      </c>
      <c r="H48" s="3" t="s">
        <v>24</v>
      </c>
      <c r="I48" s="3" t="s">
        <v>182</v>
      </c>
      <c r="J48" s="3" t="s">
        <v>450</v>
      </c>
      <c r="K48" s="4">
        <v>43392</v>
      </c>
    </row>
    <row r="49" spans="1:11" ht="30" x14ac:dyDescent="0.25">
      <c r="A49" s="6" t="s">
        <v>451</v>
      </c>
      <c r="B49" s="8" t="s">
        <v>12</v>
      </c>
      <c r="C49" s="8" t="s">
        <v>452</v>
      </c>
      <c r="D49" s="8" t="s">
        <v>453</v>
      </c>
      <c r="E49" s="3" t="s">
        <v>454</v>
      </c>
      <c r="F49" s="6" t="s">
        <v>455</v>
      </c>
      <c r="G49" s="3" t="s">
        <v>16</v>
      </c>
      <c r="H49" s="3" t="s">
        <v>24</v>
      </c>
      <c r="I49" s="3" t="s">
        <v>166</v>
      </c>
      <c r="J49" s="3" t="s">
        <v>456</v>
      </c>
      <c r="K49" s="4">
        <v>43392</v>
      </c>
    </row>
    <row r="50" spans="1:11" x14ac:dyDescent="0.25">
      <c r="A50" s="6" t="s">
        <v>522</v>
      </c>
      <c r="B50" s="8" t="s">
        <v>12</v>
      </c>
      <c r="C50" s="8">
        <v>1840</v>
      </c>
      <c r="D50" s="8">
        <v>1840</v>
      </c>
      <c r="E50" s="3" t="s">
        <v>523</v>
      </c>
      <c r="F50" s="6" t="s">
        <v>524</v>
      </c>
      <c r="G50" s="3" t="s">
        <v>16</v>
      </c>
      <c r="H50" s="3" t="s">
        <v>170</v>
      </c>
      <c r="I50" s="3" t="s">
        <v>57</v>
      </c>
      <c r="J50" s="3" t="s">
        <v>525</v>
      </c>
      <c r="K50" s="4">
        <v>43392</v>
      </c>
    </row>
    <row r="51" spans="1:11" ht="45" x14ac:dyDescent="0.25">
      <c r="A51" s="6" t="s">
        <v>526</v>
      </c>
      <c r="B51" s="8" t="s">
        <v>12</v>
      </c>
      <c r="C51" s="8" t="s">
        <v>527</v>
      </c>
      <c r="D51" s="8" t="s">
        <v>528</v>
      </c>
      <c r="E51" s="3" t="s">
        <v>529</v>
      </c>
      <c r="F51" s="6" t="s">
        <v>530</v>
      </c>
      <c r="G51" s="3" t="s">
        <v>16</v>
      </c>
      <c r="H51" s="3" t="s">
        <v>24</v>
      </c>
      <c r="I51" s="3" t="s">
        <v>166</v>
      </c>
      <c r="J51" s="3" t="s">
        <v>13</v>
      </c>
      <c r="K51" s="4">
        <v>43392</v>
      </c>
    </row>
    <row r="52" spans="1:11" ht="30" x14ac:dyDescent="0.25">
      <c r="A52" s="6" t="s">
        <v>563</v>
      </c>
      <c r="B52" s="8" t="s">
        <v>12</v>
      </c>
      <c r="C52" s="8" t="s">
        <v>217</v>
      </c>
      <c r="D52" s="8">
        <v>1567</v>
      </c>
      <c r="E52" s="3" t="s">
        <v>564</v>
      </c>
      <c r="F52" s="6" t="s">
        <v>565</v>
      </c>
      <c r="G52" s="3" t="s">
        <v>16</v>
      </c>
      <c r="H52" s="3" t="s">
        <v>538</v>
      </c>
      <c r="I52" s="3" t="s">
        <v>566</v>
      </c>
      <c r="J52" s="3" t="s">
        <v>539</v>
      </c>
      <c r="K52" s="4">
        <v>43392</v>
      </c>
    </row>
    <row r="53" spans="1:11" ht="30" x14ac:dyDescent="0.25">
      <c r="A53" s="6" t="s">
        <v>635</v>
      </c>
      <c r="B53" s="8" t="s">
        <v>12</v>
      </c>
      <c r="C53" s="8" t="s">
        <v>13</v>
      </c>
      <c r="D53" s="8">
        <v>1504</v>
      </c>
      <c r="E53" s="3" t="s">
        <v>636</v>
      </c>
      <c r="F53" s="6" t="s">
        <v>637</v>
      </c>
      <c r="G53" s="3" t="s">
        <v>16</v>
      </c>
      <c r="H53" s="3" t="s">
        <v>24</v>
      </c>
      <c r="I53" s="3" t="s">
        <v>52</v>
      </c>
      <c r="J53" s="3" t="s">
        <v>638</v>
      </c>
      <c r="K53" s="4">
        <v>43392</v>
      </c>
    </row>
    <row r="54" spans="1:11" ht="150" x14ac:dyDescent="0.25">
      <c r="A54" s="6" t="s">
        <v>669</v>
      </c>
      <c r="B54" s="8" t="s">
        <v>12</v>
      </c>
      <c r="C54" s="8" t="s">
        <v>670</v>
      </c>
      <c r="D54" s="8">
        <v>1845</v>
      </c>
      <c r="E54" s="3" t="s">
        <v>671</v>
      </c>
      <c r="F54" s="6" t="s">
        <v>672</v>
      </c>
      <c r="G54" s="3" t="s">
        <v>16</v>
      </c>
      <c r="H54" s="3" t="s">
        <v>17</v>
      </c>
      <c r="I54" s="3" t="s">
        <v>250</v>
      </c>
      <c r="J54" s="3" t="s">
        <v>673</v>
      </c>
      <c r="K54" s="4">
        <v>43392</v>
      </c>
    </row>
    <row r="55" spans="1:11" ht="30" x14ac:dyDescent="0.25">
      <c r="A55" s="6" t="s">
        <v>748</v>
      </c>
      <c r="B55" s="8" t="s">
        <v>12</v>
      </c>
      <c r="C55" s="8">
        <v>1809</v>
      </c>
      <c r="D55" s="8">
        <v>1809</v>
      </c>
      <c r="E55" s="3" t="s">
        <v>749</v>
      </c>
      <c r="F55" s="6" t="s">
        <v>750</v>
      </c>
      <c r="G55" s="3" t="s">
        <v>16</v>
      </c>
      <c r="H55" s="3" t="s">
        <v>17</v>
      </c>
      <c r="I55" s="3" t="s">
        <v>18</v>
      </c>
      <c r="J55" s="3" t="s">
        <v>751</v>
      </c>
      <c r="K55" s="4">
        <v>43392</v>
      </c>
    </row>
    <row r="56" spans="1:11" ht="30" x14ac:dyDescent="0.25">
      <c r="A56" s="6" t="s">
        <v>758</v>
      </c>
      <c r="B56" s="8" t="s">
        <v>12</v>
      </c>
      <c r="C56" s="8" t="s">
        <v>13</v>
      </c>
      <c r="D56" s="8">
        <v>1800</v>
      </c>
      <c r="E56" s="3" t="s">
        <v>13</v>
      </c>
      <c r="F56" s="6" t="s">
        <v>759</v>
      </c>
      <c r="G56" s="3" t="s">
        <v>16</v>
      </c>
      <c r="H56" s="3" t="s">
        <v>760</v>
      </c>
      <c r="I56" s="3" t="s">
        <v>57</v>
      </c>
      <c r="J56" s="3" t="s">
        <v>761</v>
      </c>
      <c r="K56" s="4">
        <v>43392</v>
      </c>
    </row>
    <row r="57" spans="1:11" ht="45" x14ac:dyDescent="0.25">
      <c r="A57" s="6" t="s">
        <v>766</v>
      </c>
      <c r="B57" s="8" t="s">
        <v>12</v>
      </c>
      <c r="C57" s="8" t="s">
        <v>13</v>
      </c>
      <c r="D57" s="8">
        <v>1525</v>
      </c>
      <c r="E57" s="3" t="s">
        <v>767</v>
      </c>
      <c r="F57" s="6" t="s">
        <v>768</v>
      </c>
      <c r="G57" s="3" t="s">
        <v>16</v>
      </c>
      <c r="H57" s="3" t="s">
        <v>538</v>
      </c>
      <c r="I57" s="3" t="s">
        <v>264</v>
      </c>
      <c r="J57" s="3"/>
      <c r="K57" s="4">
        <v>43392</v>
      </c>
    </row>
    <row r="58" spans="1:11" ht="60" x14ac:dyDescent="0.25">
      <c r="A58" s="6" t="s">
        <v>864</v>
      </c>
      <c r="B58" s="8" t="s">
        <v>12</v>
      </c>
      <c r="C58" s="8" t="s">
        <v>13</v>
      </c>
      <c r="D58" s="8">
        <v>1740</v>
      </c>
      <c r="E58" s="3" t="s">
        <v>13</v>
      </c>
      <c r="F58" s="6" t="s">
        <v>865</v>
      </c>
      <c r="G58" s="3" t="s">
        <v>16</v>
      </c>
      <c r="H58" s="3" t="s">
        <v>302</v>
      </c>
      <c r="I58" s="3" t="s">
        <v>57</v>
      </c>
      <c r="J58" s="3" t="s">
        <v>866</v>
      </c>
      <c r="K58" s="4">
        <v>43392</v>
      </c>
    </row>
    <row r="59" spans="1:11" ht="30" x14ac:dyDescent="0.25">
      <c r="A59" s="6" t="s">
        <v>925</v>
      </c>
      <c r="B59" s="8" t="s">
        <v>12</v>
      </c>
      <c r="C59" s="8" t="s">
        <v>664</v>
      </c>
      <c r="D59" s="8">
        <v>1659</v>
      </c>
      <c r="E59" s="3" t="s">
        <v>926</v>
      </c>
      <c r="F59" s="6" t="s">
        <v>927</v>
      </c>
      <c r="G59" s="3" t="s">
        <v>16</v>
      </c>
      <c r="H59" s="3" t="s">
        <v>24</v>
      </c>
      <c r="I59" s="3" t="s">
        <v>57</v>
      </c>
      <c r="J59" s="3" t="s">
        <v>13</v>
      </c>
      <c r="K59" s="4">
        <v>43392</v>
      </c>
    </row>
    <row r="60" spans="1:11" ht="225" x14ac:dyDescent="0.25">
      <c r="A60" s="6" t="s">
        <v>1009</v>
      </c>
      <c r="B60" s="8" t="s">
        <v>12</v>
      </c>
      <c r="C60" s="8" t="s">
        <v>13</v>
      </c>
      <c r="D60" s="8">
        <v>1557</v>
      </c>
      <c r="E60" s="3" t="s">
        <v>1010</v>
      </c>
      <c r="F60" s="6" t="s">
        <v>1011</v>
      </c>
      <c r="G60" s="3" t="s">
        <v>16</v>
      </c>
      <c r="H60" s="3" t="s">
        <v>24</v>
      </c>
      <c r="I60" s="3" t="s">
        <v>182</v>
      </c>
      <c r="J60" s="3" t="s">
        <v>1012</v>
      </c>
      <c r="K60" s="4">
        <v>43392</v>
      </c>
    </row>
    <row r="61" spans="1:11" ht="60" x14ac:dyDescent="0.25">
      <c r="A61" s="6" t="s">
        <v>1113</v>
      </c>
      <c r="B61" s="8" t="s">
        <v>12</v>
      </c>
      <c r="C61" s="8">
        <v>1914</v>
      </c>
      <c r="D61" s="8">
        <v>1914</v>
      </c>
      <c r="E61" s="3" t="s">
        <v>111</v>
      </c>
      <c r="F61" s="6" t="s">
        <v>1114</v>
      </c>
      <c r="G61" s="3" t="s">
        <v>16</v>
      </c>
      <c r="H61" s="3" t="s">
        <v>17</v>
      </c>
      <c r="I61" s="3" t="s">
        <v>18</v>
      </c>
      <c r="J61" s="3" t="s">
        <v>1115</v>
      </c>
      <c r="K61" s="4">
        <v>43392</v>
      </c>
    </row>
    <row r="62" spans="1:11" ht="90" x14ac:dyDescent="0.25">
      <c r="A62" s="6" t="s">
        <v>1162</v>
      </c>
      <c r="B62" s="8" t="s">
        <v>12</v>
      </c>
      <c r="C62" s="8" t="s">
        <v>1163</v>
      </c>
      <c r="D62" s="8">
        <v>1795</v>
      </c>
      <c r="E62" s="3" t="s">
        <v>1164</v>
      </c>
      <c r="F62" s="6" t="s">
        <v>1165</v>
      </c>
      <c r="G62" s="3" t="s">
        <v>16</v>
      </c>
      <c r="H62" s="3" t="s">
        <v>17</v>
      </c>
      <c r="I62" s="3" t="s">
        <v>18</v>
      </c>
      <c r="J62" s="3" t="s">
        <v>1166</v>
      </c>
      <c r="K62" s="4">
        <v>43392</v>
      </c>
    </row>
    <row r="63" spans="1:11" ht="60" x14ac:dyDescent="0.25">
      <c r="A63" s="6" t="s">
        <v>1182</v>
      </c>
      <c r="B63" s="8" t="s">
        <v>12</v>
      </c>
      <c r="C63" s="8" t="s">
        <v>13</v>
      </c>
      <c r="D63" s="8">
        <v>1592</v>
      </c>
      <c r="E63" s="3" t="s">
        <v>1183</v>
      </c>
      <c r="F63" s="6" t="s">
        <v>1184</v>
      </c>
      <c r="G63" s="3" t="s">
        <v>16</v>
      </c>
      <c r="H63" s="3" t="s">
        <v>24</v>
      </c>
      <c r="I63" s="3" t="s">
        <v>57</v>
      </c>
      <c r="J63" s="3" t="s">
        <v>1185</v>
      </c>
      <c r="K63" s="4">
        <v>43392</v>
      </c>
    </row>
    <row r="64" spans="1:11" ht="135" x14ac:dyDescent="0.25">
      <c r="A64" s="6" t="s">
        <v>1305</v>
      </c>
      <c r="B64" s="8" t="s">
        <v>12</v>
      </c>
      <c r="C64" s="8" t="s">
        <v>1306</v>
      </c>
      <c r="D64" s="8">
        <v>1559</v>
      </c>
      <c r="E64" s="3" t="s">
        <v>1307</v>
      </c>
      <c r="F64" s="6" t="s">
        <v>1308</v>
      </c>
      <c r="G64" s="3" t="s">
        <v>16</v>
      </c>
      <c r="H64" s="3" t="s">
        <v>24</v>
      </c>
      <c r="I64" s="3" t="s">
        <v>57</v>
      </c>
      <c r="J64" s="3" t="s">
        <v>1309</v>
      </c>
      <c r="K64" s="4">
        <v>43392</v>
      </c>
    </row>
    <row r="65" spans="1:11" ht="75" x14ac:dyDescent="0.25">
      <c r="A65" s="6" t="s">
        <v>1342</v>
      </c>
      <c r="B65" s="8" t="s">
        <v>12</v>
      </c>
      <c r="C65" s="8" t="s">
        <v>1343</v>
      </c>
      <c r="D65" s="8" t="s">
        <v>1344</v>
      </c>
      <c r="E65" s="3" t="s">
        <v>1345</v>
      </c>
      <c r="F65" s="6" t="s">
        <v>1346</v>
      </c>
      <c r="G65" s="3" t="s">
        <v>16</v>
      </c>
      <c r="H65" s="3" t="s">
        <v>24</v>
      </c>
      <c r="I65" s="3" t="s">
        <v>18</v>
      </c>
      <c r="J65" s="3" t="s">
        <v>1347</v>
      </c>
      <c r="K65" s="4">
        <v>43392</v>
      </c>
    </row>
    <row r="66" spans="1:11" ht="300" x14ac:dyDescent="0.25">
      <c r="A66" s="6" t="s">
        <v>1520</v>
      </c>
      <c r="B66" s="8" t="s">
        <v>12</v>
      </c>
      <c r="C66" s="8" t="s">
        <v>1521</v>
      </c>
      <c r="D66" s="8">
        <v>1533</v>
      </c>
      <c r="E66" s="3" t="s">
        <v>1522</v>
      </c>
      <c r="F66" s="6" t="s">
        <v>1523</v>
      </c>
      <c r="G66" s="3" t="s">
        <v>16</v>
      </c>
      <c r="H66" s="3" t="s">
        <v>24</v>
      </c>
      <c r="I66" s="3" t="s">
        <v>57</v>
      </c>
      <c r="J66" s="3" t="s">
        <v>1524</v>
      </c>
      <c r="K66" s="4">
        <v>43392</v>
      </c>
    </row>
    <row r="67" spans="1:11" ht="225" x14ac:dyDescent="0.25">
      <c r="A67" s="6" t="s">
        <v>1562</v>
      </c>
      <c r="B67" s="8" t="s">
        <v>12</v>
      </c>
      <c r="C67" s="8" t="s">
        <v>1563</v>
      </c>
      <c r="D67" s="8" t="s">
        <v>1564</v>
      </c>
      <c r="E67" s="3" t="s">
        <v>310</v>
      </c>
      <c r="F67" s="6" t="s">
        <v>1565</v>
      </c>
      <c r="G67" s="3" t="s">
        <v>16</v>
      </c>
      <c r="H67" s="3" t="s">
        <v>45</v>
      </c>
      <c r="I67" s="3" t="s">
        <v>18</v>
      </c>
      <c r="J67" s="3" t="s">
        <v>13</v>
      </c>
      <c r="K67" s="4">
        <v>43392</v>
      </c>
    </row>
    <row r="68" spans="1:11" x14ac:dyDescent="0.25">
      <c r="A68" s="6" t="s">
        <v>1711</v>
      </c>
      <c r="B68" s="8" t="s">
        <v>12</v>
      </c>
      <c r="C68" s="8" t="s">
        <v>1712</v>
      </c>
      <c r="D68" s="8" t="s">
        <v>1713</v>
      </c>
      <c r="E68" s="3" t="s">
        <v>454</v>
      </c>
      <c r="F68" s="6" t="s">
        <v>1714</v>
      </c>
      <c r="G68" s="3" t="s">
        <v>16</v>
      </c>
      <c r="H68" s="3" t="s">
        <v>24</v>
      </c>
      <c r="I68" s="3" t="s">
        <v>57</v>
      </c>
      <c r="J68" s="3" t="s">
        <v>13</v>
      </c>
      <c r="K68" s="4">
        <v>43392</v>
      </c>
    </row>
    <row r="69" spans="1:11" ht="60" x14ac:dyDescent="0.25">
      <c r="A69" s="6" t="s">
        <v>1737</v>
      </c>
      <c r="B69" s="8" t="s">
        <v>12</v>
      </c>
      <c r="C69" s="8" t="s">
        <v>1738</v>
      </c>
      <c r="D69" s="8" t="s">
        <v>1739</v>
      </c>
      <c r="E69" s="3" t="s">
        <v>1367</v>
      </c>
      <c r="F69" s="6" t="s">
        <v>1740</v>
      </c>
      <c r="G69" s="3" t="s">
        <v>16</v>
      </c>
      <c r="H69" s="3" t="s">
        <v>24</v>
      </c>
      <c r="I69" s="3" t="s">
        <v>57</v>
      </c>
      <c r="J69" s="3" t="s">
        <v>13</v>
      </c>
      <c r="K69" s="4">
        <v>43392</v>
      </c>
    </row>
    <row r="70" spans="1:11" ht="30" x14ac:dyDescent="0.25">
      <c r="A70" s="6" t="s">
        <v>1749</v>
      </c>
      <c r="B70" s="8" t="s">
        <v>12</v>
      </c>
      <c r="C70" s="8" t="s">
        <v>1750</v>
      </c>
      <c r="D70" s="8">
        <v>1702</v>
      </c>
      <c r="E70" s="3" t="s">
        <v>1751</v>
      </c>
      <c r="F70" s="6" t="s">
        <v>1752</v>
      </c>
      <c r="G70" s="3" t="s">
        <v>16</v>
      </c>
      <c r="H70" s="3" t="s">
        <v>170</v>
      </c>
      <c r="I70" s="3" t="s">
        <v>739</v>
      </c>
      <c r="J70" s="3" t="s">
        <v>1753</v>
      </c>
      <c r="K70" s="4">
        <v>43392</v>
      </c>
    </row>
    <row r="71" spans="1:11" ht="360" x14ac:dyDescent="0.25">
      <c r="A71" s="6" t="s">
        <v>1862</v>
      </c>
      <c r="B71" s="8" t="s">
        <v>12</v>
      </c>
      <c r="C71" s="8" t="s">
        <v>1863</v>
      </c>
      <c r="D71" s="8">
        <v>1630</v>
      </c>
      <c r="E71" s="3" t="s">
        <v>1864</v>
      </c>
      <c r="F71" s="6" t="s">
        <v>1865</v>
      </c>
      <c r="G71" s="3" t="s">
        <v>16</v>
      </c>
      <c r="H71" s="3" t="s">
        <v>45</v>
      </c>
      <c r="I71" s="3" t="s">
        <v>18</v>
      </c>
      <c r="J71" s="3"/>
      <c r="K71" s="4">
        <v>43392</v>
      </c>
    </row>
    <row r="72" spans="1:11" ht="30" x14ac:dyDescent="0.25">
      <c r="A72" s="6" t="s">
        <v>2019</v>
      </c>
      <c r="B72" s="8" t="s">
        <v>12</v>
      </c>
      <c r="C72" s="8" t="s">
        <v>2020</v>
      </c>
      <c r="D72" s="8">
        <v>1543</v>
      </c>
      <c r="E72" s="3" t="s">
        <v>2021</v>
      </c>
      <c r="F72" s="6" t="s">
        <v>2022</v>
      </c>
      <c r="G72" s="3" t="s">
        <v>16</v>
      </c>
      <c r="H72" s="3" t="s">
        <v>538</v>
      </c>
      <c r="I72" s="3" t="s">
        <v>52</v>
      </c>
      <c r="J72" s="3"/>
      <c r="K72" s="4">
        <v>43392</v>
      </c>
    </row>
    <row r="73" spans="1:11" ht="45" x14ac:dyDescent="0.25">
      <c r="A73" s="6" t="s">
        <v>2085</v>
      </c>
      <c r="B73" s="8" t="s">
        <v>12</v>
      </c>
      <c r="C73" s="8" t="s">
        <v>2086</v>
      </c>
      <c r="D73" s="8" t="s">
        <v>2087</v>
      </c>
      <c r="E73" s="3" t="s">
        <v>1860</v>
      </c>
      <c r="F73" s="6" t="s">
        <v>2088</v>
      </c>
      <c r="G73" s="3" t="s">
        <v>16</v>
      </c>
      <c r="H73" s="3" t="s">
        <v>24</v>
      </c>
      <c r="I73" s="3" t="s">
        <v>166</v>
      </c>
      <c r="J73" s="3" t="s">
        <v>13</v>
      </c>
      <c r="K73" s="4">
        <v>43392</v>
      </c>
    </row>
    <row r="74" spans="1:11" x14ac:dyDescent="0.25">
      <c r="A74" s="6" t="s">
        <v>2153</v>
      </c>
      <c r="B74" s="8" t="s">
        <v>12</v>
      </c>
      <c r="C74" s="8" t="s">
        <v>2154</v>
      </c>
      <c r="D74" s="8">
        <v>1587</v>
      </c>
      <c r="E74" s="3" t="s">
        <v>2155</v>
      </c>
      <c r="F74" s="6" t="s">
        <v>2156</v>
      </c>
      <c r="G74" s="3" t="s">
        <v>16</v>
      </c>
      <c r="H74" s="3" t="s">
        <v>24</v>
      </c>
      <c r="I74" s="3" t="s">
        <v>25</v>
      </c>
      <c r="J74" s="3" t="s">
        <v>2157</v>
      </c>
      <c r="K74" s="4">
        <v>43392</v>
      </c>
    </row>
    <row r="75" spans="1:11" x14ac:dyDescent="0.25">
      <c r="A75" s="6" t="s">
        <v>2291</v>
      </c>
      <c r="B75" s="8" t="s">
        <v>12</v>
      </c>
      <c r="C75" s="8" t="s">
        <v>13</v>
      </c>
      <c r="D75" s="8">
        <v>1807</v>
      </c>
      <c r="E75" s="3" t="s">
        <v>2292</v>
      </c>
      <c r="F75" s="6" t="s">
        <v>2293</v>
      </c>
      <c r="G75" s="3" t="s">
        <v>16</v>
      </c>
      <c r="H75" s="3" t="s">
        <v>17</v>
      </c>
      <c r="I75" s="3" t="s">
        <v>18</v>
      </c>
      <c r="J75" s="3" t="s">
        <v>2294</v>
      </c>
      <c r="K75" s="4">
        <v>43392</v>
      </c>
    </row>
    <row r="76" spans="1:11" ht="105" x14ac:dyDescent="0.25">
      <c r="A76" s="6" t="s">
        <v>2449</v>
      </c>
      <c r="B76" s="8" t="s">
        <v>12</v>
      </c>
      <c r="C76" s="8" t="s">
        <v>2450</v>
      </c>
      <c r="D76" s="8">
        <v>1916</v>
      </c>
      <c r="E76" s="3" t="s">
        <v>2451</v>
      </c>
      <c r="F76" s="6" t="s">
        <v>2452</v>
      </c>
      <c r="G76" s="3" t="s">
        <v>16</v>
      </c>
      <c r="H76" s="3" t="s">
        <v>17</v>
      </c>
      <c r="I76" s="3" t="s">
        <v>57</v>
      </c>
      <c r="J76" s="3" t="s">
        <v>1854</v>
      </c>
      <c r="K76" s="4">
        <v>43392</v>
      </c>
    </row>
    <row r="77" spans="1:11" x14ac:dyDescent="0.25">
      <c r="A77" s="6" t="s">
        <v>2467</v>
      </c>
      <c r="B77" s="8" t="s">
        <v>12</v>
      </c>
      <c r="C77" s="8" t="s">
        <v>2468</v>
      </c>
      <c r="D77" s="8">
        <v>1676</v>
      </c>
      <c r="E77" s="3" t="s">
        <v>2469</v>
      </c>
      <c r="F77" s="6" t="s">
        <v>2470</v>
      </c>
      <c r="G77" s="3" t="s">
        <v>16</v>
      </c>
      <c r="H77" s="3" t="s">
        <v>24</v>
      </c>
      <c r="I77" s="3" t="s">
        <v>13</v>
      </c>
      <c r="J77" s="3" t="s">
        <v>13</v>
      </c>
      <c r="K77" s="4">
        <v>43392</v>
      </c>
    </row>
    <row r="78" spans="1:11" x14ac:dyDescent="0.25">
      <c r="A78" s="6" t="s">
        <v>2501</v>
      </c>
      <c r="B78" s="8" t="s">
        <v>12</v>
      </c>
      <c r="C78" s="8" t="s">
        <v>2502</v>
      </c>
      <c r="D78" s="8">
        <v>1656</v>
      </c>
      <c r="E78" s="3" t="s">
        <v>1449</v>
      </c>
      <c r="F78" s="6" t="s">
        <v>2503</v>
      </c>
      <c r="G78" s="3" t="s">
        <v>16</v>
      </c>
      <c r="H78" s="3" t="s">
        <v>24</v>
      </c>
      <c r="I78" s="3" t="s">
        <v>57</v>
      </c>
      <c r="J78" s="3" t="s">
        <v>13</v>
      </c>
      <c r="K78" s="4">
        <v>43392</v>
      </c>
    </row>
    <row r="79" spans="1:11" ht="30" x14ac:dyDescent="0.25">
      <c r="A79" s="6" t="s">
        <v>2682</v>
      </c>
      <c r="B79" s="8" t="s">
        <v>12</v>
      </c>
      <c r="C79" s="8" t="s">
        <v>2575</v>
      </c>
      <c r="D79" s="8">
        <v>1685</v>
      </c>
      <c r="E79" s="3" t="s">
        <v>2683</v>
      </c>
      <c r="F79" s="6" t="s">
        <v>2684</v>
      </c>
      <c r="G79" s="3" t="s">
        <v>16</v>
      </c>
      <c r="H79" s="3" t="s">
        <v>24</v>
      </c>
      <c r="I79" s="3" t="s">
        <v>57</v>
      </c>
      <c r="J79" s="3" t="s">
        <v>13</v>
      </c>
      <c r="K79" s="4">
        <v>43392</v>
      </c>
    </row>
    <row r="80" spans="1:11" ht="135" x14ac:dyDescent="0.25">
      <c r="A80" s="6" t="s">
        <v>2807</v>
      </c>
      <c r="B80" s="8" t="s">
        <v>12</v>
      </c>
      <c r="C80" s="8" t="s">
        <v>2808</v>
      </c>
      <c r="D80" s="8" t="s">
        <v>2809</v>
      </c>
      <c r="E80" s="3" t="s">
        <v>2810</v>
      </c>
      <c r="F80" s="6" t="s">
        <v>2811</v>
      </c>
      <c r="G80" s="3" t="s">
        <v>16</v>
      </c>
      <c r="H80" s="3" t="s">
        <v>24</v>
      </c>
      <c r="I80" s="3" t="s">
        <v>57</v>
      </c>
      <c r="J80" s="3" t="s">
        <v>13</v>
      </c>
      <c r="K80" s="4">
        <v>43392</v>
      </c>
    </row>
    <row r="81" spans="1:11" ht="45" x14ac:dyDescent="0.25">
      <c r="A81" s="6" t="s">
        <v>2940</v>
      </c>
      <c r="B81" s="8" t="s">
        <v>12</v>
      </c>
      <c r="C81" s="8" t="s">
        <v>2941</v>
      </c>
      <c r="D81" s="8" t="s">
        <v>2942</v>
      </c>
      <c r="E81" s="3" t="s">
        <v>2943</v>
      </c>
      <c r="F81" s="6" t="s">
        <v>2944</v>
      </c>
      <c r="G81" s="3" t="s">
        <v>16</v>
      </c>
      <c r="H81" s="3" t="s">
        <v>24</v>
      </c>
      <c r="I81" s="3" t="s">
        <v>57</v>
      </c>
      <c r="J81" s="3" t="s">
        <v>13</v>
      </c>
      <c r="K81" s="4">
        <v>43392</v>
      </c>
    </row>
    <row r="82" spans="1:11" ht="30" x14ac:dyDescent="0.25">
      <c r="A82" s="6" t="s">
        <v>3040</v>
      </c>
      <c r="B82" s="8" t="s">
        <v>12</v>
      </c>
      <c r="C82" s="8" t="s">
        <v>1289</v>
      </c>
      <c r="D82" s="8">
        <v>1598</v>
      </c>
      <c r="E82" s="3" t="s">
        <v>3041</v>
      </c>
      <c r="F82" s="6" t="s">
        <v>3042</v>
      </c>
      <c r="G82" s="3" t="s">
        <v>16</v>
      </c>
      <c r="H82" s="3" t="s">
        <v>24</v>
      </c>
      <c r="I82" s="3" t="s">
        <v>13</v>
      </c>
      <c r="J82" s="3" t="s">
        <v>13</v>
      </c>
      <c r="K82" s="4">
        <v>43392</v>
      </c>
    </row>
    <row r="83" spans="1:11" ht="120" x14ac:dyDescent="0.25">
      <c r="A83" s="6" t="s">
        <v>3079</v>
      </c>
      <c r="B83" s="8" t="s">
        <v>12</v>
      </c>
      <c r="C83" s="8" t="s">
        <v>13</v>
      </c>
      <c r="D83" s="8">
        <v>1722</v>
      </c>
      <c r="E83" s="3" t="s">
        <v>13</v>
      </c>
      <c r="F83" s="6" t="s">
        <v>3080</v>
      </c>
      <c r="G83" s="3" t="s">
        <v>16</v>
      </c>
      <c r="H83" s="3" t="s">
        <v>302</v>
      </c>
      <c r="I83" s="3" t="s">
        <v>57</v>
      </c>
      <c r="J83" s="3" t="s">
        <v>13</v>
      </c>
      <c r="K83" s="4">
        <v>43392</v>
      </c>
    </row>
    <row r="84" spans="1:11" ht="60" x14ac:dyDescent="0.25">
      <c r="A84" s="6" t="s">
        <v>3099</v>
      </c>
      <c r="B84" s="8" t="s">
        <v>12</v>
      </c>
      <c r="C84" s="8" t="s">
        <v>792</v>
      </c>
      <c r="D84" s="8">
        <v>1682</v>
      </c>
      <c r="E84" s="3" t="s">
        <v>454</v>
      </c>
      <c r="F84" s="6" t="s">
        <v>3100</v>
      </c>
      <c r="G84" s="3" t="s">
        <v>16</v>
      </c>
      <c r="H84" s="3" t="s">
        <v>24</v>
      </c>
      <c r="I84" s="3" t="s">
        <v>166</v>
      </c>
      <c r="J84" s="3" t="s">
        <v>13</v>
      </c>
      <c r="K84" s="4">
        <v>43392</v>
      </c>
    </row>
    <row r="85" spans="1:11" ht="75" x14ac:dyDescent="0.25">
      <c r="A85" s="6" t="s">
        <v>3200</v>
      </c>
      <c r="B85" s="8" t="s">
        <v>12</v>
      </c>
      <c r="C85" s="8" t="s">
        <v>13</v>
      </c>
      <c r="D85" s="8">
        <v>1701</v>
      </c>
      <c r="E85" s="3" t="s">
        <v>1105</v>
      </c>
      <c r="F85" s="6" t="s">
        <v>3201</v>
      </c>
      <c r="G85" s="3" t="s">
        <v>16</v>
      </c>
      <c r="H85" s="3" t="s">
        <v>302</v>
      </c>
      <c r="I85" s="3" t="s">
        <v>226</v>
      </c>
      <c r="J85" s="3" t="s">
        <v>1995</v>
      </c>
      <c r="K85" s="4">
        <v>43392</v>
      </c>
    </row>
    <row r="86" spans="1:11" ht="30" x14ac:dyDescent="0.25">
      <c r="A86" s="6" t="s">
        <v>3266</v>
      </c>
      <c r="B86" s="8" t="s">
        <v>12</v>
      </c>
      <c r="C86" s="8" t="s">
        <v>3267</v>
      </c>
      <c r="D86" s="8">
        <v>1722</v>
      </c>
      <c r="E86" s="3" t="s">
        <v>13</v>
      </c>
      <c r="F86" s="6" t="s">
        <v>3268</v>
      </c>
      <c r="G86" s="3" t="s">
        <v>16</v>
      </c>
      <c r="H86" s="3" t="s">
        <v>24</v>
      </c>
      <c r="I86" s="3" t="s">
        <v>18</v>
      </c>
      <c r="J86" s="3" t="s">
        <v>13</v>
      </c>
      <c r="K86" s="4">
        <v>43392</v>
      </c>
    </row>
    <row r="87" spans="1:11" ht="30" x14ac:dyDescent="0.25">
      <c r="A87" s="6" t="s">
        <v>3322</v>
      </c>
      <c r="B87" s="8" t="s">
        <v>12</v>
      </c>
      <c r="C87" s="8" t="s">
        <v>3323</v>
      </c>
      <c r="D87" s="8" t="s">
        <v>3324</v>
      </c>
      <c r="E87" s="3" t="s">
        <v>1860</v>
      </c>
      <c r="F87" s="6" t="s">
        <v>3325</v>
      </c>
      <c r="G87" s="3" t="s">
        <v>16</v>
      </c>
      <c r="H87" s="3" t="s">
        <v>24</v>
      </c>
      <c r="I87" s="3" t="s">
        <v>166</v>
      </c>
      <c r="J87" s="3" t="s">
        <v>3326</v>
      </c>
      <c r="K87" s="4">
        <v>43392</v>
      </c>
    </row>
    <row r="88" spans="1:11" ht="30" x14ac:dyDescent="0.25">
      <c r="A88" s="6" t="s">
        <v>3373</v>
      </c>
      <c r="B88" s="8" t="s">
        <v>12</v>
      </c>
      <c r="C88" s="8" t="s">
        <v>3374</v>
      </c>
      <c r="D88" s="8" t="s">
        <v>3375</v>
      </c>
      <c r="E88" s="3" t="s">
        <v>454</v>
      </c>
      <c r="F88" s="6" t="s">
        <v>3376</v>
      </c>
      <c r="G88" s="3" t="s">
        <v>16</v>
      </c>
      <c r="H88" s="3" t="s">
        <v>24</v>
      </c>
      <c r="I88" s="3" t="s">
        <v>166</v>
      </c>
      <c r="J88" s="3" t="s">
        <v>13</v>
      </c>
      <c r="K88" s="4">
        <v>43392</v>
      </c>
    </row>
    <row r="89" spans="1:11" ht="30" x14ac:dyDescent="0.25">
      <c r="A89" s="6" t="s">
        <v>3406</v>
      </c>
      <c r="B89" s="8" t="s">
        <v>12</v>
      </c>
      <c r="C89" s="8" t="s">
        <v>3407</v>
      </c>
      <c r="D89" s="8" t="s">
        <v>3408</v>
      </c>
      <c r="E89" s="3" t="s">
        <v>3409</v>
      </c>
      <c r="F89" s="6" t="s">
        <v>3410</v>
      </c>
      <c r="G89" s="3" t="s">
        <v>16</v>
      </c>
      <c r="H89" s="3" t="s">
        <v>24</v>
      </c>
      <c r="I89" s="3" t="s">
        <v>57</v>
      </c>
      <c r="J89" s="3" t="s">
        <v>3411</v>
      </c>
      <c r="K89" s="4">
        <v>43392</v>
      </c>
    </row>
    <row r="90" spans="1:11" ht="30" x14ac:dyDescent="0.25">
      <c r="A90" s="6" t="s">
        <v>3454</v>
      </c>
      <c r="B90" s="8" t="s">
        <v>12</v>
      </c>
      <c r="C90" s="8" t="s">
        <v>3455</v>
      </c>
      <c r="D90" s="8" t="s">
        <v>3456</v>
      </c>
      <c r="E90" s="3" t="s">
        <v>454</v>
      </c>
      <c r="F90" s="6" t="s">
        <v>3457</v>
      </c>
      <c r="G90" s="3" t="s">
        <v>16</v>
      </c>
      <c r="H90" s="3" t="s">
        <v>24</v>
      </c>
      <c r="I90" s="3" t="s">
        <v>166</v>
      </c>
      <c r="J90" s="3" t="s">
        <v>3458</v>
      </c>
      <c r="K90" s="4">
        <v>43392</v>
      </c>
    </row>
    <row r="91" spans="1:11" x14ac:dyDescent="0.25">
      <c r="A91" s="6" t="s">
        <v>3518</v>
      </c>
      <c r="B91" s="8" t="s">
        <v>12</v>
      </c>
      <c r="C91" s="8" t="s">
        <v>237</v>
      </c>
      <c r="D91" s="8">
        <v>1668</v>
      </c>
      <c r="E91" s="3" t="s">
        <v>332</v>
      </c>
      <c r="F91" s="6" t="s">
        <v>3519</v>
      </c>
      <c r="G91" s="3" t="s">
        <v>16</v>
      </c>
      <c r="H91" s="3" t="s">
        <v>24</v>
      </c>
      <c r="I91" s="3" t="s">
        <v>226</v>
      </c>
      <c r="J91" s="3" t="s">
        <v>3520</v>
      </c>
      <c r="K91" s="4">
        <v>43392</v>
      </c>
    </row>
    <row r="92" spans="1:11" ht="60" x14ac:dyDescent="0.25">
      <c r="A92" s="6" t="s">
        <v>3523</v>
      </c>
      <c r="B92" s="8" t="s">
        <v>12</v>
      </c>
      <c r="C92" s="8" t="s">
        <v>3524</v>
      </c>
      <c r="D92" s="8">
        <v>1773</v>
      </c>
      <c r="E92" s="3" t="s">
        <v>1951</v>
      </c>
      <c r="F92" s="6" t="s">
        <v>3525</v>
      </c>
      <c r="G92" s="3" t="s">
        <v>16</v>
      </c>
      <c r="H92" s="3" t="s">
        <v>17</v>
      </c>
      <c r="I92" s="3" t="s">
        <v>18</v>
      </c>
      <c r="J92" s="3" t="s">
        <v>3526</v>
      </c>
      <c r="K92" s="4">
        <v>43392</v>
      </c>
    </row>
    <row r="93" spans="1:11" ht="45" x14ac:dyDescent="0.25">
      <c r="A93" s="6" t="s">
        <v>3710</v>
      </c>
      <c r="B93" s="8" t="s">
        <v>12</v>
      </c>
      <c r="C93" s="8" t="s">
        <v>3711</v>
      </c>
      <c r="D93" s="8" t="s">
        <v>3712</v>
      </c>
      <c r="E93" s="3" t="s">
        <v>454</v>
      </c>
      <c r="F93" s="6" t="s">
        <v>3713</v>
      </c>
      <c r="G93" s="3" t="s">
        <v>16</v>
      </c>
      <c r="H93" s="3" t="s">
        <v>24</v>
      </c>
      <c r="I93" s="3" t="s">
        <v>166</v>
      </c>
      <c r="J93" s="3" t="s">
        <v>13</v>
      </c>
      <c r="K93" s="4">
        <v>43392</v>
      </c>
    </row>
    <row r="94" spans="1:11" x14ac:dyDescent="0.25">
      <c r="A94" s="6" t="s">
        <v>3736</v>
      </c>
      <c r="B94" s="8" t="s">
        <v>12</v>
      </c>
      <c r="C94" s="8" t="s">
        <v>1229</v>
      </c>
      <c r="D94" s="8">
        <v>1686</v>
      </c>
      <c r="E94" s="3" t="s">
        <v>454</v>
      </c>
      <c r="F94" s="6" t="s">
        <v>3737</v>
      </c>
      <c r="G94" s="3" t="s">
        <v>16</v>
      </c>
      <c r="H94" s="3" t="s">
        <v>302</v>
      </c>
      <c r="I94" s="3" t="s">
        <v>166</v>
      </c>
      <c r="J94" s="3" t="s">
        <v>13</v>
      </c>
      <c r="K94" s="4">
        <v>43392</v>
      </c>
    </row>
    <row r="95" spans="1:11" ht="60" x14ac:dyDescent="0.25">
      <c r="A95" s="6" t="s">
        <v>3750</v>
      </c>
      <c r="B95" s="8" t="s">
        <v>12</v>
      </c>
      <c r="C95" s="8" t="s">
        <v>664</v>
      </c>
      <c r="D95" s="8">
        <v>1659</v>
      </c>
      <c r="E95" s="3" t="s">
        <v>1449</v>
      </c>
      <c r="F95" s="6" t="s">
        <v>3751</v>
      </c>
      <c r="G95" s="3" t="s">
        <v>16</v>
      </c>
      <c r="H95" s="3" t="s">
        <v>24</v>
      </c>
      <c r="I95" s="3" t="s">
        <v>57</v>
      </c>
      <c r="J95" s="3" t="s">
        <v>13</v>
      </c>
      <c r="K95" s="4">
        <v>43392</v>
      </c>
    </row>
    <row r="96" spans="1:11" ht="45" x14ac:dyDescent="0.25">
      <c r="A96" s="6" t="s">
        <v>3781</v>
      </c>
      <c r="B96" s="8" t="s">
        <v>12</v>
      </c>
      <c r="C96" s="8" t="s">
        <v>3782</v>
      </c>
      <c r="D96" s="8" t="s">
        <v>3783</v>
      </c>
      <c r="E96" s="3" t="s">
        <v>13</v>
      </c>
      <c r="F96" s="6" t="s">
        <v>3784</v>
      </c>
      <c r="G96" s="3" t="s">
        <v>16</v>
      </c>
      <c r="H96" s="3" t="s">
        <v>170</v>
      </c>
      <c r="I96" s="3" t="s">
        <v>57</v>
      </c>
      <c r="J96" s="3" t="s">
        <v>606</v>
      </c>
      <c r="K96" s="4">
        <v>43392</v>
      </c>
    </row>
    <row r="97" spans="1:11" ht="30" x14ac:dyDescent="0.25">
      <c r="A97" s="6" t="s">
        <v>4113</v>
      </c>
      <c r="B97" s="8" t="s">
        <v>12</v>
      </c>
      <c r="C97" s="8" t="s">
        <v>4114</v>
      </c>
      <c r="D97" s="8" t="s">
        <v>4115</v>
      </c>
      <c r="E97" s="3" t="s">
        <v>1860</v>
      </c>
      <c r="F97" s="6" t="s">
        <v>4116</v>
      </c>
      <c r="G97" s="3" t="s">
        <v>16</v>
      </c>
      <c r="H97" s="3" t="s">
        <v>24</v>
      </c>
      <c r="I97" s="3" t="s">
        <v>166</v>
      </c>
      <c r="J97" s="3" t="s">
        <v>4117</v>
      </c>
      <c r="K97" s="4">
        <v>43392</v>
      </c>
    </row>
    <row r="98" spans="1:11" ht="30" x14ac:dyDescent="0.25">
      <c r="A98" s="6" t="s">
        <v>4118</v>
      </c>
      <c r="B98" s="8" t="s">
        <v>12</v>
      </c>
      <c r="C98" s="8" t="s">
        <v>868</v>
      </c>
      <c r="D98" s="8">
        <v>1669</v>
      </c>
      <c r="E98" s="3" t="s">
        <v>1860</v>
      </c>
      <c r="F98" s="6" t="s">
        <v>4119</v>
      </c>
      <c r="G98" s="3" t="s">
        <v>16</v>
      </c>
      <c r="H98" s="3" t="s">
        <v>24</v>
      </c>
      <c r="I98" s="3" t="s">
        <v>166</v>
      </c>
      <c r="J98" s="3" t="s">
        <v>13</v>
      </c>
      <c r="K98" s="4">
        <v>43392</v>
      </c>
    </row>
    <row r="99" spans="1:11" ht="300" x14ac:dyDescent="0.25">
      <c r="A99" s="6" t="s">
        <v>4158</v>
      </c>
      <c r="B99" s="8" t="s">
        <v>12</v>
      </c>
      <c r="C99" s="8" t="s">
        <v>4159</v>
      </c>
      <c r="D99" s="8">
        <v>1534</v>
      </c>
      <c r="E99" s="3" t="s">
        <v>366</v>
      </c>
      <c r="F99" s="6" t="s">
        <v>4160</v>
      </c>
      <c r="G99" s="3" t="s">
        <v>16</v>
      </c>
      <c r="H99" s="3" t="s">
        <v>24</v>
      </c>
      <c r="I99" s="3" t="s">
        <v>57</v>
      </c>
      <c r="J99" s="3" t="s">
        <v>4161</v>
      </c>
      <c r="K99" s="4">
        <v>43392</v>
      </c>
    </row>
    <row r="100" spans="1:11" ht="30" x14ac:dyDescent="0.25">
      <c r="A100" s="6" t="s">
        <v>4219</v>
      </c>
      <c r="B100" s="8" t="s">
        <v>12</v>
      </c>
      <c r="C100" s="8" t="s">
        <v>4220</v>
      </c>
      <c r="D100" s="8">
        <v>1666</v>
      </c>
      <c r="E100" s="3" t="s">
        <v>4221</v>
      </c>
      <c r="F100" s="6" t="s">
        <v>4222</v>
      </c>
      <c r="G100" s="3" t="s">
        <v>16</v>
      </c>
      <c r="H100" s="3" t="s">
        <v>24</v>
      </c>
      <c r="I100" s="3" t="s">
        <v>57</v>
      </c>
      <c r="J100" s="3" t="s">
        <v>4223</v>
      </c>
      <c r="K100" s="4">
        <v>43392</v>
      </c>
    </row>
    <row r="101" spans="1:11" x14ac:dyDescent="0.25">
      <c r="A101" s="6" t="s">
        <v>4324</v>
      </c>
      <c r="B101" s="8" t="s">
        <v>12</v>
      </c>
      <c r="C101" s="8" t="s">
        <v>4325</v>
      </c>
      <c r="D101" s="8">
        <v>1662</v>
      </c>
      <c r="E101" s="3" t="s">
        <v>1449</v>
      </c>
      <c r="F101" s="6" t="s">
        <v>4326</v>
      </c>
      <c r="G101" s="3" t="s">
        <v>16</v>
      </c>
      <c r="H101" s="3" t="s">
        <v>24</v>
      </c>
      <c r="I101" s="3" t="s">
        <v>57</v>
      </c>
      <c r="J101" s="3" t="s">
        <v>4327</v>
      </c>
      <c r="K101" s="4">
        <v>43392</v>
      </c>
    </row>
    <row r="102" spans="1:11" ht="60" x14ac:dyDescent="0.25">
      <c r="A102" s="6" t="s">
        <v>4434</v>
      </c>
      <c r="B102" s="8" t="s">
        <v>12</v>
      </c>
      <c r="C102" s="8" t="s">
        <v>4435</v>
      </c>
      <c r="D102" s="8">
        <v>1597</v>
      </c>
      <c r="E102" s="3" t="s">
        <v>4436</v>
      </c>
      <c r="F102" s="6" t="s">
        <v>4437</v>
      </c>
      <c r="G102" s="3" t="s">
        <v>16</v>
      </c>
      <c r="H102" s="3" t="s">
        <v>24</v>
      </c>
      <c r="I102" s="3" t="s">
        <v>57</v>
      </c>
      <c r="J102" s="3" t="s">
        <v>4438</v>
      </c>
      <c r="K102" s="4">
        <v>43392</v>
      </c>
    </row>
    <row r="103" spans="1:11" ht="45" x14ac:dyDescent="0.25">
      <c r="A103" s="6" t="s">
        <v>4507</v>
      </c>
      <c r="B103" s="8" t="s">
        <v>12</v>
      </c>
      <c r="C103" s="8" t="s">
        <v>88</v>
      </c>
      <c r="D103" s="8">
        <v>1599</v>
      </c>
      <c r="E103" s="3" t="s">
        <v>3041</v>
      </c>
      <c r="F103" s="6" t="s">
        <v>4508</v>
      </c>
      <c r="G103" s="3" t="s">
        <v>16</v>
      </c>
      <c r="H103" s="3" t="s">
        <v>24</v>
      </c>
      <c r="I103" s="3" t="s">
        <v>13</v>
      </c>
      <c r="J103" s="3" t="s">
        <v>13</v>
      </c>
      <c r="K103" s="4">
        <v>43392</v>
      </c>
    </row>
    <row r="104" spans="1:11" ht="135" x14ac:dyDescent="0.25">
      <c r="A104" s="6" t="s">
        <v>4515</v>
      </c>
      <c r="B104" s="8" t="s">
        <v>12</v>
      </c>
      <c r="C104" s="8" t="s">
        <v>4322</v>
      </c>
      <c r="D104" s="8">
        <v>1851</v>
      </c>
      <c r="E104" s="3" t="s">
        <v>4516</v>
      </c>
      <c r="F104" s="6" t="s">
        <v>4517</v>
      </c>
      <c r="G104" s="3" t="s">
        <v>16</v>
      </c>
      <c r="H104" s="3" t="s">
        <v>17</v>
      </c>
      <c r="I104" s="3" t="s">
        <v>4518</v>
      </c>
      <c r="J104" s="3" t="s">
        <v>4519</v>
      </c>
      <c r="K104" s="4">
        <v>43392</v>
      </c>
    </row>
    <row r="105" spans="1:11" ht="60" x14ac:dyDescent="0.25">
      <c r="A105" s="6" t="s">
        <v>4599</v>
      </c>
      <c r="B105" s="8" t="s">
        <v>12</v>
      </c>
      <c r="C105" s="8" t="s">
        <v>4600</v>
      </c>
      <c r="D105" s="8" t="s">
        <v>4601</v>
      </c>
      <c r="E105" s="3" t="s">
        <v>454</v>
      </c>
      <c r="F105" s="6" t="s">
        <v>4602</v>
      </c>
      <c r="G105" s="3" t="s">
        <v>16</v>
      </c>
      <c r="H105" s="3" t="s">
        <v>24</v>
      </c>
      <c r="I105" s="3" t="s">
        <v>166</v>
      </c>
      <c r="J105" s="3" t="s">
        <v>13</v>
      </c>
      <c r="K105" s="4">
        <v>43392</v>
      </c>
    </row>
    <row r="106" spans="1:11" ht="45" x14ac:dyDescent="0.25">
      <c r="A106" s="6" t="s">
        <v>4853</v>
      </c>
      <c r="B106" s="8" t="s">
        <v>12</v>
      </c>
      <c r="C106" s="8">
        <v>1816</v>
      </c>
      <c r="D106" s="8">
        <v>1816</v>
      </c>
      <c r="E106" s="3" t="s">
        <v>13</v>
      </c>
      <c r="F106" s="6" t="s">
        <v>4854</v>
      </c>
      <c r="G106" s="3" t="s">
        <v>16</v>
      </c>
      <c r="H106" s="3" t="s">
        <v>17</v>
      </c>
      <c r="I106" s="3" t="s">
        <v>13</v>
      </c>
      <c r="J106" s="3" t="s">
        <v>4855</v>
      </c>
      <c r="K106" s="4">
        <v>43392</v>
      </c>
    </row>
    <row r="107" spans="1:11" ht="135" x14ac:dyDescent="0.25">
      <c r="A107" s="6" t="s">
        <v>4913</v>
      </c>
      <c r="B107" s="8" t="s">
        <v>12</v>
      </c>
      <c r="C107" s="8" t="s">
        <v>4914</v>
      </c>
      <c r="D107" s="8">
        <v>1704</v>
      </c>
      <c r="E107" s="3" t="s">
        <v>13</v>
      </c>
      <c r="F107" s="6" t="s">
        <v>4915</v>
      </c>
      <c r="G107" s="3" t="s">
        <v>16</v>
      </c>
      <c r="H107" s="3" t="s">
        <v>302</v>
      </c>
      <c r="I107" s="3" t="s">
        <v>57</v>
      </c>
      <c r="J107" s="3" t="s">
        <v>4916</v>
      </c>
      <c r="K107" s="4">
        <v>43392</v>
      </c>
    </row>
    <row r="108" spans="1:11" ht="30" x14ac:dyDescent="0.25">
      <c r="A108" s="6" t="s">
        <v>5055</v>
      </c>
      <c r="B108" s="8" t="s">
        <v>12</v>
      </c>
      <c r="C108" s="8" t="s">
        <v>5056</v>
      </c>
      <c r="D108" s="8" t="s">
        <v>5057</v>
      </c>
      <c r="E108" s="3" t="s">
        <v>5058</v>
      </c>
      <c r="F108" s="6" t="s">
        <v>5059</v>
      </c>
      <c r="G108" s="3" t="s">
        <v>16</v>
      </c>
      <c r="H108" s="3" t="s">
        <v>24</v>
      </c>
      <c r="I108" s="3" t="s">
        <v>57</v>
      </c>
      <c r="J108" s="3" t="s">
        <v>5060</v>
      </c>
      <c r="K108" s="4">
        <v>43392</v>
      </c>
    </row>
    <row r="109" spans="1:11" ht="30" x14ac:dyDescent="0.25">
      <c r="A109" s="6" t="s">
        <v>5101</v>
      </c>
      <c r="B109" s="8" t="s">
        <v>12</v>
      </c>
      <c r="C109" s="8" t="s">
        <v>5102</v>
      </c>
      <c r="D109" s="8">
        <v>1667</v>
      </c>
      <c r="E109" s="3" t="s">
        <v>332</v>
      </c>
      <c r="F109" s="6" t="s">
        <v>5103</v>
      </c>
      <c r="G109" s="3" t="s">
        <v>16</v>
      </c>
      <c r="H109" s="3" t="s">
        <v>24</v>
      </c>
      <c r="I109" s="3" t="s">
        <v>226</v>
      </c>
      <c r="J109" s="3" t="s">
        <v>5104</v>
      </c>
      <c r="K109" s="4">
        <v>43392</v>
      </c>
    </row>
    <row r="110" spans="1:11" x14ac:dyDescent="0.25">
      <c r="A110" s="6" t="s">
        <v>5175</v>
      </c>
      <c r="B110" s="8" t="s">
        <v>12</v>
      </c>
      <c r="C110" s="8" t="s">
        <v>5176</v>
      </c>
      <c r="D110" s="8" t="s">
        <v>5177</v>
      </c>
      <c r="E110" s="3" t="s">
        <v>5178</v>
      </c>
      <c r="F110" s="6" t="s">
        <v>5179</v>
      </c>
      <c r="G110" s="3" t="s">
        <v>16</v>
      </c>
      <c r="H110" s="3" t="s">
        <v>24</v>
      </c>
      <c r="I110" s="3" t="s">
        <v>57</v>
      </c>
      <c r="J110" s="3" t="s">
        <v>5180</v>
      </c>
      <c r="K110" s="4">
        <v>43392</v>
      </c>
    </row>
    <row r="111" spans="1:11" ht="30" x14ac:dyDescent="0.25">
      <c r="A111" s="6" t="s">
        <v>5243</v>
      </c>
      <c r="B111" s="8" t="s">
        <v>12</v>
      </c>
      <c r="C111" s="8" t="s">
        <v>5244</v>
      </c>
      <c r="D111" s="8" t="s">
        <v>5245</v>
      </c>
      <c r="E111" s="3" t="s">
        <v>5246</v>
      </c>
      <c r="F111" s="6" t="s">
        <v>5247</v>
      </c>
      <c r="G111" s="3" t="s">
        <v>16</v>
      </c>
      <c r="H111" s="3" t="s">
        <v>24</v>
      </c>
      <c r="I111" s="3" t="s">
        <v>171</v>
      </c>
      <c r="J111" s="3" t="s">
        <v>5248</v>
      </c>
      <c r="K111" s="4">
        <v>43392</v>
      </c>
    </row>
    <row r="112" spans="1:11" x14ac:dyDescent="0.25">
      <c r="A112" s="6" t="s">
        <v>5355</v>
      </c>
      <c r="B112" s="8" t="s">
        <v>12</v>
      </c>
      <c r="C112" s="8" t="s">
        <v>13</v>
      </c>
      <c r="D112" s="8">
        <v>1699</v>
      </c>
      <c r="E112" s="3" t="s">
        <v>5356</v>
      </c>
      <c r="F112" s="6" t="s">
        <v>5357</v>
      </c>
      <c r="G112" s="3" t="s">
        <v>16</v>
      </c>
      <c r="H112" s="3" t="s">
        <v>24</v>
      </c>
      <c r="I112" s="3" t="s">
        <v>57</v>
      </c>
      <c r="J112" s="3" t="s">
        <v>5358</v>
      </c>
      <c r="K112" s="4">
        <v>43392</v>
      </c>
    </row>
    <row r="113" spans="1:11" x14ac:dyDescent="0.25">
      <c r="A113" s="6" t="s">
        <v>5376</v>
      </c>
      <c r="B113" s="8" t="s">
        <v>12</v>
      </c>
      <c r="C113" s="8" t="s">
        <v>3542</v>
      </c>
      <c r="D113" s="8">
        <v>1653</v>
      </c>
      <c r="E113" s="3" t="s">
        <v>5377</v>
      </c>
      <c r="F113" s="6" t="s">
        <v>5378</v>
      </c>
      <c r="G113" s="3" t="s">
        <v>16</v>
      </c>
      <c r="H113" s="3" t="s">
        <v>24</v>
      </c>
      <c r="I113" s="3" t="s">
        <v>57</v>
      </c>
      <c r="J113" s="3" t="s">
        <v>5379</v>
      </c>
      <c r="K113" s="4">
        <v>43392</v>
      </c>
    </row>
    <row r="114" spans="1:11" ht="30" x14ac:dyDescent="0.25">
      <c r="A114" s="6" t="s">
        <v>5410</v>
      </c>
      <c r="B114" s="8" t="s">
        <v>12</v>
      </c>
      <c r="C114" s="8">
        <v>1850</v>
      </c>
      <c r="D114" s="8">
        <v>1850</v>
      </c>
      <c r="E114" s="3" t="s">
        <v>5411</v>
      </c>
      <c r="F114" s="6" t="s">
        <v>5412</v>
      </c>
      <c r="G114" s="3" t="s">
        <v>16</v>
      </c>
      <c r="H114" s="3" t="s">
        <v>17</v>
      </c>
      <c r="I114" s="3" t="s">
        <v>18</v>
      </c>
      <c r="J114" s="3" t="s">
        <v>13</v>
      </c>
      <c r="K114" s="4">
        <v>43392</v>
      </c>
    </row>
    <row r="115" spans="1:11" ht="45" x14ac:dyDescent="0.25">
      <c r="A115" s="6" t="s">
        <v>5512</v>
      </c>
      <c r="B115" s="8" t="s">
        <v>12</v>
      </c>
      <c r="C115" s="8" t="s">
        <v>237</v>
      </c>
      <c r="D115" s="8">
        <v>1668</v>
      </c>
      <c r="E115" s="3" t="s">
        <v>332</v>
      </c>
      <c r="F115" s="6" t="s">
        <v>5513</v>
      </c>
      <c r="G115" s="3" t="s">
        <v>16</v>
      </c>
      <c r="H115" s="3" t="s">
        <v>24</v>
      </c>
      <c r="I115" s="3" t="s">
        <v>226</v>
      </c>
      <c r="J115" s="3" t="s">
        <v>5000</v>
      </c>
      <c r="K115" s="4">
        <v>43392</v>
      </c>
    </row>
    <row r="116" spans="1:11" ht="30" x14ac:dyDescent="0.25">
      <c r="A116" s="6" t="s">
        <v>5566</v>
      </c>
      <c r="B116" s="8" t="s">
        <v>12</v>
      </c>
      <c r="C116" s="8">
        <v>1653</v>
      </c>
      <c r="D116" s="8">
        <v>1653</v>
      </c>
      <c r="E116" s="3" t="s">
        <v>71</v>
      </c>
      <c r="F116" s="6" t="s">
        <v>5567</v>
      </c>
      <c r="G116" s="3" t="s">
        <v>16</v>
      </c>
      <c r="H116" s="3" t="s">
        <v>24</v>
      </c>
      <c r="I116" s="3" t="s">
        <v>57</v>
      </c>
      <c r="J116" s="3" t="s">
        <v>5568</v>
      </c>
      <c r="K116" s="4">
        <v>43392</v>
      </c>
    </row>
    <row r="117" spans="1:11" ht="120" x14ac:dyDescent="0.25">
      <c r="A117" s="6" t="s">
        <v>42</v>
      </c>
      <c r="B117" s="8" t="s">
        <v>12</v>
      </c>
      <c r="C117" s="8">
        <v>1581</v>
      </c>
      <c r="D117" s="8">
        <v>1581</v>
      </c>
      <c r="E117" s="3" t="s">
        <v>43</v>
      </c>
      <c r="F117" s="6" t="s">
        <v>44</v>
      </c>
      <c r="G117" s="3" t="s">
        <v>16</v>
      </c>
      <c r="H117" s="3" t="s">
        <v>45</v>
      </c>
      <c r="I117" s="3" t="s">
        <v>18</v>
      </c>
      <c r="J117" s="3" t="s">
        <v>46</v>
      </c>
      <c r="K117" s="4">
        <v>43390</v>
      </c>
    </row>
    <row r="118" spans="1:11" x14ac:dyDescent="0.25">
      <c r="A118" s="6" t="s">
        <v>162</v>
      </c>
      <c r="B118" s="8" t="s">
        <v>12</v>
      </c>
      <c r="C118" s="8" t="s">
        <v>163</v>
      </c>
      <c r="D118" s="8">
        <v>1696</v>
      </c>
      <c r="E118" s="3" t="s">
        <v>164</v>
      </c>
      <c r="F118" s="6" t="s">
        <v>165</v>
      </c>
      <c r="G118" s="3" t="s">
        <v>16</v>
      </c>
      <c r="H118" s="3" t="s">
        <v>24</v>
      </c>
      <c r="I118" s="3" t="s">
        <v>166</v>
      </c>
      <c r="J118" s="3" t="s">
        <v>13</v>
      </c>
      <c r="K118" s="4">
        <v>43390</v>
      </c>
    </row>
    <row r="119" spans="1:11" ht="60" x14ac:dyDescent="0.25">
      <c r="A119" s="6" t="s">
        <v>233</v>
      </c>
      <c r="B119" s="8" t="s">
        <v>12</v>
      </c>
      <c r="C119" s="8" t="s">
        <v>13</v>
      </c>
      <c r="D119" s="8">
        <v>1550</v>
      </c>
      <c r="E119" s="3" t="s">
        <v>234</v>
      </c>
      <c r="F119" s="6" t="s">
        <v>181</v>
      </c>
      <c r="G119" s="3" t="s">
        <v>16</v>
      </c>
      <c r="H119" s="3" t="s">
        <v>24</v>
      </c>
      <c r="I119" s="3" t="s">
        <v>182</v>
      </c>
      <c r="J119" s="3" t="s">
        <v>235</v>
      </c>
      <c r="K119" s="4">
        <v>43390</v>
      </c>
    </row>
    <row r="120" spans="1:11" x14ac:dyDescent="0.25">
      <c r="A120" s="6" t="s">
        <v>246</v>
      </c>
      <c r="B120" s="8" t="s">
        <v>12</v>
      </c>
      <c r="C120" s="8" t="s">
        <v>247</v>
      </c>
      <c r="D120" s="8">
        <v>1761</v>
      </c>
      <c r="E120" s="3" t="s">
        <v>248</v>
      </c>
      <c r="F120" s="6" t="s">
        <v>249</v>
      </c>
      <c r="G120" s="3" t="s">
        <v>16</v>
      </c>
      <c r="H120" s="3" t="s">
        <v>24</v>
      </c>
      <c r="I120" s="3" t="s">
        <v>250</v>
      </c>
      <c r="J120" s="3" t="s">
        <v>251</v>
      </c>
      <c r="K120" s="4">
        <v>43390</v>
      </c>
    </row>
    <row r="121" spans="1:11" ht="45" x14ac:dyDescent="0.25">
      <c r="A121" s="6" t="s">
        <v>272</v>
      </c>
      <c r="B121" s="8" t="s">
        <v>12</v>
      </c>
      <c r="C121" s="8">
        <v>1795</v>
      </c>
      <c r="D121" s="8">
        <v>1795</v>
      </c>
      <c r="E121" s="3" t="s">
        <v>273</v>
      </c>
      <c r="F121" s="6" t="s">
        <v>274</v>
      </c>
      <c r="G121" s="3" t="s">
        <v>16</v>
      </c>
      <c r="H121" s="3" t="s">
        <v>17</v>
      </c>
      <c r="I121" s="3" t="s">
        <v>18</v>
      </c>
      <c r="J121" s="3" t="s">
        <v>275</v>
      </c>
      <c r="K121" s="4">
        <v>43390</v>
      </c>
    </row>
    <row r="122" spans="1:11" ht="60" x14ac:dyDescent="0.25">
      <c r="A122" s="6" t="s">
        <v>364</v>
      </c>
      <c r="B122" s="8" t="s">
        <v>12</v>
      </c>
      <c r="C122" s="8" t="s">
        <v>365</v>
      </c>
      <c r="D122" s="8">
        <v>1542</v>
      </c>
      <c r="E122" s="3" t="s">
        <v>366</v>
      </c>
      <c r="F122" s="6" t="s">
        <v>367</v>
      </c>
      <c r="G122" s="3" t="s">
        <v>16</v>
      </c>
      <c r="H122" s="3" t="s">
        <v>24</v>
      </c>
      <c r="I122" s="3" t="s">
        <v>57</v>
      </c>
      <c r="J122" s="3" t="s">
        <v>368</v>
      </c>
      <c r="K122" s="4">
        <v>43390</v>
      </c>
    </row>
    <row r="123" spans="1:11" ht="45" x14ac:dyDescent="0.25">
      <c r="A123" s="6" t="s">
        <v>400</v>
      </c>
      <c r="B123" s="8" t="s">
        <v>12</v>
      </c>
      <c r="C123" s="8" t="s">
        <v>401</v>
      </c>
      <c r="D123" s="8" t="s">
        <v>402</v>
      </c>
      <c r="E123" s="3" t="s">
        <v>403</v>
      </c>
      <c r="F123" s="6" t="s">
        <v>404</v>
      </c>
      <c r="G123" s="3" t="s">
        <v>16</v>
      </c>
      <c r="H123" s="3" t="s">
        <v>24</v>
      </c>
      <c r="I123" s="3" t="s">
        <v>52</v>
      </c>
      <c r="J123" s="3" t="s">
        <v>405</v>
      </c>
      <c r="K123" s="4">
        <v>43390</v>
      </c>
    </row>
    <row r="124" spans="1:11" ht="30" x14ac:dyDescent="0.25">
      <c r="A124" s="6" t="s">
        <v>534</v>
      </c>
      <c r="B124" s="8" t="s">
        <v>12</v>
      </c>
      <c r="C124" s="8" t="s">
        <v>535</v>
      </c>
      <c r="D124" s="8">
        <v>1573</v>
      </c>
      <c r="E124" s="3" t="s">
        <v>536</v>
      </c>
      <c r="F124" s="6" t="s">
        <v>537</v>
      </c>
      <c r="G124" s="3" t="s">
        <v>16</v>
      </c>
      <c r="H124" s="3" t="s">
        <v>538</v>
      </c>
      <c r="I124" s="3" t="s">
        <v>57</v>
      </c>
      <c r="J124" s="3" t="s">
        <v>539</v>
      </c>
      <c r="K124" s="4">
        <v>43390</v>
      </c>
    </row>
    <row r="125" spans="1:11" ht="30" x14ac:dyDescent="0.25">
      <c r="A125" s="6" t="s">
        <v>643</v>
      </c>
      <c r="B125" s="8" t="s">
        <v>12</v>
      </c>
      <c r="C125" s="8" t="s">
        <v>644</v>
      </c>
      <c r="D125" s="8">
        <v>1836</v>
      </c>
      <c r="E125" s="3" t="s">
        <v>13</v>
      </c>
      <c r="F125" s="6" t="s">
        <v>645</v>
      </c>
      <c r="G125" s="3" t="s">
        <v>16</v>
      </c>
      <c r="H125" s="3" t="s">
        <v>24</v>
      </c>
      <c r="I125" s="3" t="s">
        <v>646</v>
      </c>
      <c r="J125" s="3" t="s">
        <v>647</v>
      </c>
      <c r="K125" s="4">
        <v>43390</v>
      </c>
    </row>
    <row r="126" spans="1:11" ht="30" x14ac:dyDescent="0.25">
      <c r="A126" s="6" t="s">
        <v>726</v>
      </c>
      <c r="B126" s="8" t="s">
        <v>12</v>
      </c>
      <c r="C126" s="8" t="s">
        <v>727</v>
      </c>
      <c r="D126" s="8">
        <v>1731</v>
      </c>
      <c r="E126" s="3" t="s">
        <v>728</v>
      </c>
      <c r="F126" s="6" t="s">
        <v>729</v>
      </c>
      <c r="G126" s="3" t="s">
        <v>16</v>
      </c>
      <c r="H126" s="3" t="s">
        <v>24</v>
      </c>
      <c r="I126" s="3" t="s">
        <v>18</v>
      </c>
      <c r="J126" s="3" t="s">
        <v>730</v>
      </c>
      <c r="K126" s="4">
        <v>43390</v>
      </c>
    </row>
    <row r="127" spans="1:11" x14ac:dyDescent="0.25">
      <c r="A127" s="6" t="s">
        <v>791</v>
      </c>
      <c r="B127" s="8" t="s">
        <v>12</v>
      </c>
      <c r="C127" s="8" t="s">
        <v>792</v>
      </c>
      <c r="D127" s="8">
        <v>1682</v>
      </c>
      <c r="E127" s="3" t="s">
        <v>224</v>
      </c>
      <c r="F127" s="6" t="s">
        <v>793</v>
      </c>
      <c r="G127" s="3" t="s">
        <v>16</v>
      </c>
      <c r="H127" s="3" t="s">
        <v>24</v>
      </c>
      <c r="I127" s="3" t="s">
        <v>57</v>
      </c>
      <c r="J127" s="3" t="s">
        <v>794</v>
      </c>
      <c r="K127" s="4">
        <v>43390</v>
      </c>
    </row>
    <row r="128" spans="1:11" ht="60" x14ac:dyDescent="0.25">
      <c r="A128" s="6" t="s">
        <v>814</v>
      </c>
      <c r="B128" s="8" t="s">
        <v>12</v>
      </c>
      <c r="C128" s="8">
        <v>1822</v>
      </c>
      <c r="D128" s="8">
        <v>1822</v>
      </c>
      <c r="E128" s="3" t="s">
        <v>815</v>
      </c>
      <c r="F128" s="6" t="s">
        <v>816</v>
      </c>
      <c r="G128" s="3" t="s">
        <v>16</v>
      </c>
      <c r="H128" s="3" t="s">
        <v>17</v>
      </c>
      <c r="I128" s="3" t="s">
        <v>18</v>
      </c>
      <c r="J128" s="3" t="s">
        <v>817</v>
      </c>
      <c r="K128" s="4">
        <v>43390</v>
      </c>
    </row>
    <row r="129" spans="1:11" ht="45" x14ac:dyDescent="0.25">
      <c r="A129" s="6" t="s">
        <v>905</v>
      </c>
      <c r="B129" s="8" t="s">
        <v>12</v>
      </c>
      <c r="C129" s="8" t="s">
        <v>906</v>
      </c>
      <c r="D129" s="8" t="s">
        <v>907</v>
      </c>
      <c r="E129" s="3" t="s">
        <v>908</v>
      </c>
      <c r="F129" s="6" t="s">
        <v>909</v>
      </c>
      <c r="G129" s="3" t="s">
        <v>16</v>
      </c>
      <c r="H129" s="3" t="s">
        <v>24</v>
      </c>
      <c r="I129" s="3" t="s">
        <v>57</v>
      </c>
      <c r="J129" s="3" t="s">
        <v>13</v>
      </c>
      <c r="K129" s="4">
        <v>43390</v>
      </c>
    </row>
    <row r="130" spans="1:11" ht="150" x14ac:dyDescent="0.25">
      <c r="A130" s="6" t="s">
        <v>910</v>
      </c>
      <c r="B130" s="8" t="s">
        <v>12</v>
      </c>
      <c r="C130" s="8">
        <v>1842</v>
      </c>
      <c r="D130" s="8">
        <v>1842</v>
      </c>
      <c r="E130" s="3" t="s">
        <v>911</v>
      </c>
      <c r="F130" s="6" t="s">
        <v>912</v>
      </c>
      <c r="G130" s="3" t="s">
        <v>16</v>
      </c>
      <c r="H130" s="3" t="s">
        <v>913</v>
      </c>
      <c r="I130" s="3" t="s">
        <v>914</v>
      </c>
      <c r="J130" s="3" t="s">
        <v>915</v>
      </c>
      <c r="K130" s="4">
        <v>43390</v>
      </c>
    </row>
    <row r="131" spans="1:11" x14ac:dyDescent="0.25">
      <c r="A131" s="6" t="s">
        <v>1018</v>
      </c>
      <c r="B131" s="8" t="s">
        <v>12</v>
      </c>
      <c r="C131" s="8" t="s">
        <v>13</v>
      </c>
      <c r="D131" s="8">
        <v>1965</v>
      </c>
      <c r="E131" s="3" t="s">
        <v>1019</v>
      </c>
      <c r="F131" s="6" t="s">
        <v>1020</v>
      </c>
      <c r="G131" s="3" t="s">
        <v>16</v>
      </c>
      <c r="H131" s="3" t="s">
        <v>24</v>
      </c>
      <c r="I131" s="3" t="s">
        <v>57</v>
      </c>
      <c r="J131" s="3" t="s">
        <v>1021</v>
      </c>
      <c r="K131" s="4">
        <v>43390</v>
      </c>
    </row>
    <row r="132" spans="1:11" ht="30" x14ac:dyDescent="0.25">
      <c r="A132" s="6" t="s">
        <v>1157</v>
      </c>
      <c r="B132" s="8" t="s">
        <v>12</v>
      </c>
      <c r="C132" s="8" t="s">
        <v>1158</v>
      </c>
      <c r="D132" s="8" t="s">
        <v>1159</v>
      </c>
      <c r="E132" s="3" t="s">
        <v>1160</v>
      </c>
      <c r="F132" s="6" t="s">
        <v>1161</v>
      </c>
      <c r="G132" s="3" t="s">
        <v>16</v>
      </c>
      <c r="H132" s="3" t="s">
        <v>24</v>
      </c>
      <c r="I132" s="3" t="s">
        <v>57</v>
      </c>
      <c r="J132" s="3" t="s">
        <v>13</v>
      </c>
      <c r="K132" s="4">
        <v>43390</v>
      </c>
    </row>
    <row r="133" spans="1:11" ht="30" x14ac:dyDescent="0.25">
      <c r="A133" s="6" t="s">
        <v>1167</v>
      </c>
      <c r="B133" s="8" t="s">
        <v>12</v>
      </c>
      <c r="C133" s="8" t="s">
        <v>1168</v>
      </c>
      <c r="D133" s="8">
        <v>1788</v>
      </c>
      <c r="E133" s="3" t="s">
        <v>1169</v>
      </c>
      <c r="F133" s="6" t="s">
        <v>1170</v>
      </c>
      <c r="G133" s="3" t="s">
        <v>16</v>
      </c>
      <c r="H133" s="3" t="s">
        <v>24</v>
      </c>
      <c r="I133" s="3" t="s">
        <v>250</v>
      </c>
      <c r="J133" s="3" t="s">
        <v>1171</v>
      </c>
      <c r="K133" s="4">
        <v>43390</v>
      </c>
    </row>
    <row r="134" spans="1:11" ht="150" x14ac:dyDescent="0.25">
      <c r="A134" s="6" t="s">
        <v>1228</v>
      </c>
      <c r="B134" s="8" t="s">
        <v>12</v>
      </c>
      <c r="C134" s="8" t="s">
        <v>1229</v>
      </c>
      <c r="D134" s="8">
        <v>1686</v>
      </c>
      <c r="E134" s="3" t="s">
        <v>224</v>
      </c>
      <c r="F134" s="6" t="s">
        <v>1230</v>
      </c>
      <c r="G134" s="3" t="s">
        <v>16</v>
      </c>
      <c r="H134" s="3" t="s">
        <v>17</v>
      </c>
      <c r="I134" s="3" t="s">
        <v>226</v>
      </c>
      <c r="J134" s="3" t="s">
        <v>1231</v>
      </c>
      <c r="K134" s="4">
        <v>43390</v>
      </c>
    </row>
    <row r="135" spans="1:11" ht="45" x14ac:dyDescent="0.25">
      <c r="A135" s="6" t="s">
        <v>1271</v>
      </c>
      <c r="B135" s="8" t="s">
        <v>12</v>
      </c>
      <c r="C135" s="8" t="s">
        <v>1272</v>
      </c>
      <c r="D135" s="8">
        <v>1656</v>
      </c>
      <c r="E135" s="3" t="s">
        <v>1273</v>
      </c>
      <c r="F135" s="6" t="s">
        <v>1274</v>
      </c>
      <c r="G135" s="3" t="s">
        <v>16</v>
      </c>
      <c r="H135" s="3" t="s">
        <v>24</v>
      </c>
      <c r="I135" s="3" t="s">
        <v>166</v>
      </c>
      <c r="J135" s="3" t="s">
        <v>13</v>
      </c>
      <c r="K135" s="4">
        <v>43390</v>
      </c>
    </row>
    <row r="136" spans="1:11" ht="75" x14ac:dyDescent="0.25">
      <c r="A136" s="6" t="s">
        <v>1297</v>
      </c>
      <c r="B136" s="8" t="s">
        <v>12</v>
      </c>
      <c r="C136" s="8" t="s">
        <v>1298</v>
      </c>
      <c r="D136" s="8" t="s">
        <v>1299</v>
      </c>
      <c r="E136" s="3" t="s">
        <v>454</v>
      </c>
      <c r="F136" s="6" t="s">
        <v>1300</v>
      </c>
      <c r="G136" s="3" t="s">
        <v>16</v>
      </c>
      <c r="H136" s="3" t="s">
        <v>24</v>
      </c>
      <c r="I136" s="3" t="s">
        <v>57</v>
      </c>
      <c r="J136" s="3" t="s">
        <v>1301</v>
      </c>
      <c r="K136" s="4">
        <v>43390</v>
      </c>
    </row>
    <row r="137" spans="1:11" ht="45" x14ac:dyDescent="0.25">
      <c r="A137" s="6" t="s">
        <v>1313</v>
      </c>
      <c r="B137" s="8" t="s">
        <v>12</v>
      </c>
      <c r="C137" s="8" t="s">
        <v>1314</v>
      </c>
      <c r="D137" s="8" t="s">
        <v>1315</v>
      </c>
      <c r="E137" s="3" t="s">
        <v>454</v>
      </c>
      <c r="F137" s="6" t="s">
        <v>1316</v>
      </c>
      <c r="G137" s="3" t="s">
        <v>16</v>
      </c>
      <c r="H137" s="3" t="s">
        <v>24</v>
      </c>
      <c r="I137" s="3" t="s">
        <v>57</v>
      </c>
      <c r="J137" s="3" t="s">
        <v>13</v>
      </c>
      <c r="K137" s="4">
        <v>43390</v>
      </c>
    </row>
    <row r="138" spans="1:11" x14ac:dyDescent="0.25">
      <c r="A138" s="6" t="s">
        <v>1317</v>
      </c>
      <c r="B138" s="8" t="s">
        <v>12</v>
      </c>
      <c r="C138" s="8">
        <v>1763</v>
      </c>
      <c r="D138" s="8">
        <v>1763</v>
      </c>
      <c r="E138" s="3" t="s">
        <v>1318</v>
      </c>
      <c r="F138" s="6" t="s">
        <v>1319</v>
      </c>
      <c r="G138" s="3" t="s">
        <v>16</v>
      </c>
      <c r="H138" s="3" t="s">
        <v>24</v>
      </c>
      <c r="I138" s="3" t="s">
        <v>226</v>
      </c>
      <c r="J138" s="3" t="s">
        <v>1320</v>
      </c>
      <c r="K138" s="4">
        <v>43390</v>
      </c>
    </row>
    <row r="139" spans="1:11" ht="30" x14ac:dyDescent="0.25">
      <c r="A139" s="6" t="s">
        <v>1330</v>
      </c>
      <c r="B139" s="8" t="s">
        <v>12</v>
      </c>
      <c r="C139" s="8">
        <v>1793</v>
      </c>
      <c r="D139" s="8">
        <v>1793</v>
      </c>
      <c r="E139" s="3" t="s">
        <v>1331</v>
      </c>
      <c r="F139" s="6" t="s">
        <v>1332</v>
      </c>
      <c r="G139" s="3" t="s">
        <v>16</v>
      </c>
      <c r="H139" s="3" t="s">
        <v>24</v>
      </c>
      <c r="I139" s="3" t="s">
        <v>57</v>
      </c>
      <c r="J139" s="3" t="s">
        <v>1333</v>
      </c>
      <c r="K139" s="4">
        <v>43390</v>
      </c>
    </row>
    <row r="140" spans="1:11" ht="409.5" x14ac:dyDescent="0.25">
      <c r="A140" s="6" t="s">
        <v>1418</v>
      </c>
      <c r="B140" s="8" t="s">
        <v>12</v>
      </c>
      <c r="C140" s="8" t="s">
        <v>13</v>
      </c>
      <c r="D140" s="8">
        <v>1566</v>
      </c>
      <c r="E140" s="3" t="s">
        <v>1419</v>
      </c>
      <c r="F140" s="6" t="s">
        <v>1420</v>
      </c>
      <c r="G140" s="3" t="s">
        <v>16</v>
      </c>
      <c r="H140" s="3" t="s">
        <v>24</v>
      </c>
      <c r="I140" s="3" t="s">
        <v>182</v>
      </c>
      <c r="J140" s="3" t="s">
        <v>1421</v>
      </c>
      <c r="K140" s="4">
        <v>43390</v>
      </c>
    </row>
    <row r="141" spans="1:11" ht="30" x14ac:dyDescent="0.25">
      <c r="A141" s="6" t="s">
        <v>1469</v>
      </c>
      <c r="B141" s="8" t="s">
        <v>12</v>
      </c>
      <c r="C141" s="8" t="s">
        <v>13</v>
      </c>
      <c r="D141" s="8">
        <v>1698</v>
      </c>
      <c r="E141" s="3" t="s">
        <v>1470</v>
      </c>
      <c r="F141" s="6" t="s">
        <v>1471</v>
      </c>
      <c r="G141" s="3" t="s">
        <v>16</v>
      </c>
      <c r="H141" s="3" t="s">
        <v>24</v>
      </c>
      <c r="I141" s="3" t="s">
        <v>57</v>
      </c>
      <c r="J141" s="3" t="s">
        <v>13</v>
      </c>
      <c r="K141" s="4">
        <v>43390</v>
      </c>
    </row>
    <row r="142" spans="1:11" ht="75" x14ac:dyDescent="0.25">
      <c r="A142" s="6" t="s">
        <v>1496</v>
      </c>
      <c r="B142" s="8" t="s">
        <v>12</v>
      </c>
      <c r="C142" s="8">
        <v>1617</v>
      </c>
      <c r="D142" s="8">
        <v>1617</v>
      </c>
      <c r="E142" s="3" t="s">
        <v>1497</v>
      </c>
      <c r="F142" s="6" t="s">
        <v>1498</v>
      </c>
      <c r="G142" s="3" t="s">
        <v>16</v>
      </c>
      <c r="H142" s="3" t="s">
        <v>17</v>
      </c>
      <c r="I142" s="3" t="s">
        <v>18</v>
      </c>
      <c r="J142" s="3" t="s">
        <v>13</v>
      </c>
      <c r="K142" s="4">
        <v>43390</v>
      </c>
    </row>
    <row r="143" spans="1:11" ht="30" x14ac:dyDescent="0.25">
      <c r="A143" s="6" t="s">
        <v>1557</v>
      </c>
      <c r="B143" s="8" t="s">
        <v>12</v>
      </c>
      <c r="C143" s="8">
        <v>1707</v>
      </c>
      <c r="D143" s="8" t="s">
        <v>1558</v>
      </c>
      <c r="E143" s="3" t="s">
        <v>1559</v>
      </c>
      <c r="F143" s="6" t="s">
        <v>1560</v>
      </c>
      <c r="G143" s="3" t="s">
        <v>16</v>
      </c>
      <c r="H143" s="3" t="s">
        <v>30</v>
      </c>
      <c r="I143" s="3" t="s">
        <v>57</v>
      </c>
      <c r="J143" s="3" t="s">
        <v>1561</v>
      </c>
      <c r="K143" s="4">
        <v>43390</v>
      </c>
    </row>
    <row r="144" spans="1:11" ht="30" x14ac:dyDescent="0.25">
      <c r="A144" s="6" t="s">
        <v>1585</v>
      </c>
      <c r="B144" s="8" t="s">
        <v>12</v>
      </c>
      <c r="C144" s="8">
        <v>1743</v>
      </c>
      <c r="D144" s="8">
        <v>1743</v>
      </c>
      <c r="E144" s="3" t="s">
        <v>1586</v>
      </c>
      <c r="F144" s="6" t="s">
        <v>1587</v>
      </c>
      <c r="G144" s="3" t="s">
        <v>16</v>
      </c>
      <c r="H144" s="3" t="s">
        <v>17</v>
      </c>
      <c r="I144" s="3" t="s">
        <v>18</v>
      </c>
      <c r="J144" s="3" t="s">
        <v>1588</v>
      </c>
      <c r="K144" s="4">
        <v>43390</v>
      </c>
    </row>
    <row r="145" spans="1:11" ht="30" x14ac:dyDescent="0.25">
      <c r="A145" s="6" t="s">
        <v>1600</v>
      </c>
      <c r="B145" s="8" t="s">
        <v>12</v>
      </c>
      <c r="C145" s="8">
        <v>1843</v>
      </c>
      <c r="D145" s="8">
        <v>1843</v>
      </c>
      <c r="E145" s="3" t="s">
        <v>1601</v>
      </c>
      <c r="F145" s="6" t="s">
        <v>1602</v>
      </c>
      <c r="G145" s="3" t="s">
        <v>16</v>
      </c>
      <c r="H145" s="3" t="s">
        <v>913</v>
      </c>
      <c r="I145" s="3" t="s">
        <v>1603</v>
      </c>
      <c r="J145" s="3" t="s">
        <v>915</v>
      </c>
      <c r="K145" s="4">
        <v>43390</v>
      </c>
    </row>
    <row r="146" spans="1:11" ht="30" x14ac:dyDescent="0.25">
      <c r="A146" s="6" t="s">
        <v>1614</v>
      </c>
      <c r="B146" s="8" t="s">
        <v>12</v>
      </c>
      <c r="C146" s="8" t="s">
        <v>1615</v>
      </c>
      <c r="D146" s="8">
        <v>1583</v>
      </c>
      <c r="E146" s="3" t="s">
        <v>13</v>
      </c>
      <c r="F146" s="6" t="s">
        <v>1616</v>
      </c>
      <c r="G146" s="3" t="s">
        <v>16</v>
      </c>
      <c r="H146" s="3" t="s">
        <v>24</v>
      </c>
      <c r="I146" s="3" t="s">
        <v>57</v>
      </c>
      <c r="J146" s="3" t="s">
        <v>1617</v>
      </c>
      <c r="K146" s="4">
        <v>43390</v>
      </c>
    </row>
    <row r="147" spans="1:11" ht="45" x14ac:dyDescent="0.25">
      <c r="A147" s="6" t="s">
        <v>1648</v>
      </c>
      <c r="B147" s="8" t="s">
        <v>12</v>
      </c>
      <c r="C147" s="8">
        <v>1599</v>
      </c>
      <c r="D147" s="8">
        <v>1599</v>
      </c>
      <c r="E147" s="3" t="s">
        <v>13</v>
      </c>
      <c r="F147" s="6" t="s">
        <v>1649</v>
      </c>
      <c r="G147" s="3" t="s">
        <v>16</v>
      </c>
      <c r="H147" s="3" t="s">
        <v>24</v>
      </c>
      <c r="I147" s="3" t="s">
        <v>52</v>
      </c>
      <c r="J147" s="3" t="s">
        <v>13</v>
      </c>
      <c r="K147" s="4">
        <v>43390</v>
      </c>
    </row>
    <row r="148" spans="1:11" x14ac:dyDescent="0.25">
      <c r="A148" s="6" t="s">
        <v>1659</v>
      </c>
      <c r="B148" s="8" t="s">
        <v>12</v>
      </c>
      <c r="C148" s="8" t="s">
        <v>1660</v>
      </c>
      <c r="D148" s="8">
        <v>1674</v>
      </c>
      <c r="E148" s="3" t="s">
        <v>1661</v>
      </c>
      <c r="F148" s="6" t="s">
        <v>1662</v>
      </c>
      <c r="G148" s="3" t="s">
        <v>16</v>
      </c>
      <c r="H148" s="3" t="s">
        <v>24</v>
      </c>
      <c r="I148" s="3" t="s">
        <v>57</v>
      </c>
      <c r="J148" s="3" t="s">
        <v>1663</v>
      </c>
      <c r="K148" s="4">
        <v>43390</v>
      </c>
    </row>
    <row r="149" spans="1:11" ht="60" x14ac:dyDescent="0.25">
      <c r="A149" s="6" t="s">
        <v>1769</v>
      </c>
      <c r="B149" s="8" t="s">
        <v>12</v>
      </c>
      <c r="C149" s="8" t="s">
        <v>1101</v>
      </c>
      <c r="D149" s="8">
        <v>1762</v>
      </c>
      <c r="E149" s="3" t="s">
        <v>248</v>
      </c>
      <c r="F149" s="6" t="s">
        <v>1770</v>
      </c>
      <c r="G149" s="3" t="s">
        <v>16</v>
      </c>
      <c r="H149" s="3" t="s">
        <v>24</v>
      </c>
      <c r="I149" s="3" t="s">
        <v>250</v>
      </c>
      <c r="J149" s="3" t="s">
        <v>1771</v>
      </c>
      <c r="K149" s="4">
        <v>43390</v>
      </c>
    </row>
    <row r="150" spans="1:11" ht="75" x14ac:dyDescent="0.25">
      <c r="A150" s="6" t="s">
        <v>1824</v>
      </c>
      <c r="B150" s="8" t="s">
        <v>12</v>
      </c>
      <c r="C150" s="8" t="s">
        <v>391</v>
      </c>
      <c r="D150" s="8">
        <v>1577</v>
      </c>
      <c r="E150" s="3" t="s">
        <v>1825</v>
      </c>
      <c r="F150" s="6" t="s">
        <v>1826</v>
      </c>
      <c r="G150" s="3" t="s">
        <v>16</v>
      </c>
      <c r="H150" s="3" t="s">
        <v>24</v>
      </c>
      <c r="I150" s="3" t="s">
        <v>182</v>
      </c>
      <c r="J150" s="3" t="s">
        <v>13</v>
      </c>
      <c r="K150" s="4">
        <v>43390</v>
      </c>
    </row>
    <row r="151" spans="1:11" ht="75" x14ac:dyDescent="0.25">
      <c r="A151" s="6" t="s">
        <v>1873</v>
      </c>
      <c r="B151" s="8" t="s">
        <v>12</v>
      </c>
      <c r="C151" s="8" t="s">
        <v>1874</v>
      </c>
      <c r="D151" s="8" t="s">
        <v>1875</v>
      </c>
      <c r="E151" s="3" t="s">
        <v>1559</v>
      </c>
      <c r="F151" s="6" t="s">
        <v>1876</v>
      </c>
      <c r="G151" s="3" t="s">
        <v>16</v>
      </c>
      <c r="H151" s="3" t="s">
        <v>24</v>
      </c>
      <c r="I151" s="3" t="s">
        <v>57</v>
      </c>
      <c r="J151" s="3" t="s">
        <v>1877</v>
      </c>
      <c r="K151" s="4">
        <v>43390</v>
      </c>
    </row>
    <row r="152" spans="1:11" ht="30" x14ac:dyDescent="0.25">
      <c r="A152" s="6" t="s">
        <v>1913</v>
      </c>
      <c r="B152" s="8" t="s">
        <v>12</v>
      </c>
      <c r="C152" s="8" t="s">
        <v>535</v>
      </c>
      <c r="D152" s="8">
        <v>1573</v>
      </c>
      <c r="E152" s="3" t="s">
        <v>1914</v>
      </c>
      <c r="F152" s="6" t="s">
        <v>1915</v>
      </c>
      <c r="G152" s="3" t="s">
        <v>16</v>
      </c>
      <c r="H152" s="3" t="s">
        <v>24</v>
      </c>
      <c r="I152" s="3" t="s">
        <v>388</v>
      </c>
      <c r="J152" s="3" t="s">
        <v>1916</v>
      </c>
      <c r="K152" s="4">
        <v>43390</v>
      </c>
    </row>
    <row r="153" spans="1:11" ht="30" x14ac:dyDescent="0.25">
      <c r="A153" s="6" t="s">
        <v>1985</v>
      </c>
      <c r="B153" s="8" t="s">
        <v>12</v>
      </c>
      <c r="C153" s="8" t="s">
        <v>1986</v>
      </c>
      <c r="D153" s="8" t="s">
        <v>1987</v>
      </c>
      <c r="E153" s="3" t="s">
        <v>454</v>
      </c>
      <c r="F153" s="6" t="s">
        <v>1988</v>
      </c>
      <c r="G153" s="3" t="s">
        <v>16</v>
      </c>
      <c r="H153" s="3" t="s">
        <v>24</v>
      </c>
      <c r="I153" s="3" t="s">
        <v>57</v>
      </c>
      <c r="J153" s="3" t="s">
        <v>13</v>
      </c>
      <c r="K153" s="4">
        <v>43390</v>
      </c>
    </row>
    <row r="154" spans="1:11" ht="45" x14ac:dyDescent="0.25">
      <c r="A154" s="6" t="s">
        <v>2111</v>
      </c>
      <c r="B154" s="8" t="s">
        <v>12</v>
      </c>
      <c r="C154" s="8" t="s">
        <v>13</v>
      </c>
      <c r="D154" s="8">
        <v>1698</v>
      </c>
      <c r="E154" s="3" t="s">
        <v>13</v>
      </c>
      <c r="F154" s="6" t="s">
        <v>2112</v>
      </c>
      <c r="G154" s="3" t="s">
        <v>16</v>
      </c>
      <c r="H154" s="3" t="s">
        <v>24</v>
      </c>
      <c r="I154" s="3" t="s">
        <v>57</v>
      </c>
      <c r="J154" s="3" t="s">
        <v>2113</v>
      </c>
      <c r="K154" s="4">
        <v>43390</v>
      </c>
    </row>
    <row r="155" spans="1:11" ht="45" x14ac:dyDescent="0.25">
      <c r="A155" s="6" t="s">
        <v>2197</v>
      </c>
      <c r="B155" s="8" t="s">
        <v>12</v>
      </c>
      <c r="C155" s="8" t="s">
        <v>13</v>
      </c>
      <c r="D155" s="8">
        <v>1526</v>
      </c>
      <c r="E155" s="3" t="s">
        <v>2198</v>
      </c>
      <c r="F155" s="6" t="s">
        <v>2199</v>
      </c>
      <c r="G155" s="3" t="s">
        <v>16</v>
      </c>
      <c r="H155" s="3" t="s">
        <v>538</v>
      </c>
      <c r="I155" s="3" t="s">
        <v>858</v>
      </c>
      <c r="J155" s="3"/>
      <c r="K155" s="4">
        <v>43390</v>
      </c>
    </row>
    <row r="156" spans="1:11" ht="165" x14ac:dyDescent="0.25">
      <c r="A156" s="6" t="s">
        <v>2222</v>
      </c>
      <c r="B156" s="8" t="s">
        <v>12</v>
      </c>
      <c r="C156" s="8" t="s">
        <v>13</v>
      </c>
      <c r="D156" s="8">
        <v>1565</v>
      </c>
      <c r="E156" s="3" t="s">
        <v>2223</v>
      </c>
      <c r="F156" s="6" t="s">
        <v>2224</v>
      </c>
      <c r="G156" s="3" t="s">
        <v>16</v>
      </c>
      <c r="H156" s="3" t="s">
        <v>24</v>
      </c>
      <c r="I156" s="3" t="s">
        <v>182</v>
      </c>
      <c r="J156" s="3" t="s">
        <v>2225</v>
      </c>
      <c r="K156" s="4">
        <v>43390</v>
      </c>
    </row>
    <row r="157" spans="1:11" ht="30" x14ac:dyDescent="0.25">
      <c r="A157" s="6" t="s">
        <v>2361</v>
      </c>
      <c r="B157" s="8" t="s">
        <v>12</v>
      </c>
      <c r="C157" s="8" t="s">
        <v>297</v>
      </c>
      <c r="D157" s="8">
        <v>1733</v>
      </c>
      <c r="E157" s="3" t="s">
        <v>2362</v>
      </c>
      <c r="F157" s="6" t="s">
        <v>2363</v>
      </c>
      <c r="G157" s="3" t="s">
        <v>16</v>
      </c>
      <c r="H157" s="3" t="s">
        <v>24</v>
      </c>
      <c r="I157" s="3" t="s">
        <v>18</v>
      </c>
      <c r="J157" s="3" t="s">
        <v>2364</v>
      </c>
      <c r="K157" s="4">
        <v>43390</v>
      </c>
    </row>
    <row r="158" spans="1:11" ht="45" x14ac:dyDescent="0.25">
      <c r="A158" s="6" t="s">
        <v>2373</v>
      </c>
      <c r="B158" s="8" t="s">
        <v>12</v>
      </c>
      <c r="C158" s="8" t="s">
        <v>2374</v>
      </c>
      <c r="D158" s="8">
        <v>1525</v>
      </c>
      <c r="E158" s="3" t="s">
        <v>767</v>
      </c>
      <c r="F158" s="6" t="s">
        <v>768</v>
      </c>
      <c r="G158" s="3" t="s">
        <v>16</v>
      </c>
      <c r="H158" s="3" t="s">
        <v>538</v>
      </c>
      <c r="I158" s="3" t="s">
        <v>264</v>
      </c>
      <c r="J158" s="3"/>
      <c r="K158" s="4">
        <v>43390</v>
      </c>
    </row>
    <row r="159" spans="1:11" ht="45" x14ac:dyDescent="0.25">
      <c r="A159" s="6" t="s">
        <v>2375</v>
      </c>
      <c r="B159" s="8" t="s">
        <v>12</v>
      </c>
      <c r="C159" s="8" t="s">
        <v>2374</v>
      </c>
      <c r="D159" s="8">
        <v>1525</v>
      </c>
      <c r="E159" s="3" t="s">
        <v>767</v>
      </c>
      <c r="F159" s="6" t="s">
        <v>768</v>
      </c>
      <c r="G159" s="3" t="s">
        <v>16</v>
      </c>
      <c r="H159" s="3" t="s">
        <v>538</v>
      </c>
      <c r="I159" s="3" t="s">
        <v>57</v>
      </c>
      <c r="J159" s="3"/>
      <c r="K159" s="4">
        <v>43390</v>
      </c>
    </row>
    <row r="160" spans="1:11" ht="45" x14ac:dyDescent="0.25">
      <c r="A160" s="6" t="s">
        <v>2376</v>
      </c>
      <c r="B160" s="8" t="s">
        <v>12</v>
      </c>
      <c r="C160" s="8" t="s">
        <v>13</v>
      </c>
      <c r="D160" s="8">
        <v>1538</v>
      </c>
      <c r="E160" s="3" t="s">
        <v>2377</v>
      </c>
      <c r="F160" s="6" t="s">
        <v>2378</v>
      </c>
      <c r="G160" s="3" t="s">
        <v>16</v>
      </c>
      <c r="H160" s="3" t="s">
        <v>538</v>
      </c>
      <c r="I160" s="3" t="s">
        <v>182</v>
      </c>
      <c r="J160" s="3" t="s">
        <v>2379</v>
      </c>
      <c r="K160" s="4">
        <v>43390</v>
      </c>
    </row>
    <row r="161" spans="1:11" ht="30" x14ac:dyDescent="0.25">
      <c r="A161" s="6" t="s">
        <v>2413</v>
      </c>
      <c r="B161" s="8" t="s">
        <v>12</v>
      </c>
      <c r="C161" s="8" t="s">
        <v>2414</v>
      </c>
      <c r="D161" s="8">
        <v>1697</v>
      </c>
      <c r="E161" s="3" t="s">
        <v>454</v>
      </c>
      <c r="F161" s="6" t="s">
        <v>2415</v>
      </c>
      <c r="G161" s="3" t="s">
        <v>16</v>
      </c>
      <c r="H161" s="3" t="s">
        <v>24</v>
      </c>
      <c r="I161" s="3" t="s">
        <v>57</v>
      </c>
      <c r="J161" s="3" t="s">
        <v>2416</v>
      </c>
      <c r="K161" s="4">
        <v>43390</v>
      </c>
    </row>
    <row r="162" spans="1:11" ht="165" x14ac:dyDescent="0.25">
      <c r="A162" s="6" t="s">
        <v>2222</v>
      </c>
      <c r="B162" s="8" t="s">
        <v>12</v>
      </c>
      <c r="C162" s="8" t="s">
        <v>13</v>
      </c>
      <c r="D162" s="8">
        <v>1565</v>
      </c>
      <c r="E162" s="3" t="s">
        <v>2417</v>
      </c>
      <c r="F162" s="6" t="s">
        <v>2224</v>
      </c>
      <c r="G162" s="3" t="s">
        <v>16</v>
      </c>
      <c r="H162" s="3" t="s">
        <v>24</v>
      </c>
      <c r="I162" s="3" t="s">
        <v>182</v>
      </c>
      <c r="J162" s="3" t="s">
        <v>2225</v>
      </c>
      <c r="K162" s="4">
        <v>43390</v>
      </c>
    </row>
    <row r="163" spans="1:11" ht="90" x14ac:dyDescent="0.25">
      <c r="A163" s="6" t="s">
        <v>2455</v>
      </c>
      <c r="B163" s="8" t="s">
        <v>12</v>
      </c>
      <c r="C163" s="8" t="s">
        <v>2456</v>
      </c>
      <c r="D163" s="8" t="s">
        <v>2457</v>
      </c>
      <c r="E163" s="3" t="s">
        <v>1860</v>
      </c>
      <c r="F163" s="6" t="s">
        <v>2458</v>
      </c>
      <c r="G163" s="3" t="s">
        <v>16</v>
      </c>
      <c r="H163" s="3" t="s">
        <v>24</v>
      </c>
      <c r="I163" s="3" t="s">
        <v>57</v>
      </c>
      <c r="J163" s="3" t="s">
        <v>2459</v>
      </c>
      <c r="K163" s="4">
        <v>43390</v>
      </c>
    </row>
    <row r="164" spans="1:11" ht="30" x14ac:dyDescent="0.25">
      <c r="A164" s="6" t="s">
        <v>2504</v>
      </c>
      <c r="B164" s="8" t="s">
        <v>12</v>
      </c>
      <c r="C164" s="8">
        <v>1847</v>
      </c>
      <c r="D164" s="8">
        <v>1847</v>
      </c>
      <c r="E164" s="3" t="s">
        <v>2505</v>
      </c>
      <c r="F164" s="6" t="s">
        <v>2506</v>
      </c>
      <c r="G164" s="3" t="s">
        <v>16</v>
      </c>
      <c r="H164" s="3" t="s">
        <v>17</v>
      </c>
      <c r="I164" s="3" t="s">
        <v>18</v>
      </c>
      <c r="J164" s="3" t="s">
        <v>2507</v>
      </c>
      <c r="K164" s="4">
        <v>43390</v>
      </c>
    </row>
    <row r="165" spans="1:11" ht="30" x14ac:dyDescent="0.25">
      <c r="A165" s="6" t="s">
        <v>2523</v>
      </c>
      <c r="B165" s="8" t="s">
        <v>12</v>
      </c>
      <c r="C165" s="8" t="s">
        <v>2524</v>
      </c>
      <c r="D165" s="8">
        <v>1687</v>
      </c>
      <c r="E165" s="3" t="s">
        <v>2525</v>
      </c>
      <c r="F165" s="6" t="s">
        <v>2526</v>
      </c>
      <c r="G165" s="3" t="s">
        <v>16</v>
      </c>
      <c r="H165" s="3" t="s">
        <v>24</v>
      </c>
      <c r="I165" s="3" t="s">
        <v>57</v>
      </c>
      <c r="J165" s="3" t="s">
        <v>2527</v>
      </c>
      <c r="K165" s="4">
        <v>43390</v>
      </c>
    </row>
    <row r="166" spans="1:11" ht="30" x14ac:dyDescent="0.25">
      <c r="A166" s="6" t="s">
        <v>2658</v>
      </c>
      <c r="B166" s="8" t="s">
        <v>12</v>
      </c>
      <c r="C166" s="8" t="s">
        <v>1086</v>
      </c>
      <c r="D166" s="8">
        <v>1529</v>
      </c>
      <c r="E166" s="3" t="s">
        <v>2659</v>
      </c>
      <c r="F166" s="6" t="s">
        <v>2660</v>
      </c>
      <c r="G166" s="3" t="s">
        <v>16</v>
      </c>
      <c r="H166" s="3" t="s">
        <v>24</v>
      </c>
      <c r="I166" s="3" t="s">
        <v>182</v>
      </c>
      <c r="J166" s="3"/>
      <c r="K166" s="4">
        <v>43390</v>
      </c>
    </row>
    <row r="167" spans="1:11" ht="30" x14ac:dyDescent="0.25">
      <c r="A167" s="6" t="s">
        <v>2877</v>
      </c>
      <c r="B167" s="8" t="s">
        <v>12</v>
      </c>
      <c r="C167" s="8">
        <v>1918</v>
      </c>
      <c r="D167" s="8">
        <v>1918</v>
      </c>
      <c r="E167" s="3" t="s">
        <v>2878</v>
      </c>
      <c r="F167" s="6" t="s">
        <v>2879</v>
      </c>
      <c r="G167" s="3" t="s">
        <v>16</v>
      </c>
      <c r="H167" s="3" t="s">
        <v>17</v>
      </c>
      <c r="I167" s="3" t="s">
        <v>2880</v>
      </c>
      <c r="J167" s="3" t="s">
        <v>2881</v>
      </c>
      <c r="K167" s="4">
        <v>43390</v>
      </c>
    </row>
    <row r="168" spans="1:11" x14ac:dyDescent="0.25">
      <c r="A168" s="6" t="s">
        <v>2893</v>
      </c>
      <c r="B168" s="8" t="s">
        <v>12</v>
      </c>
      <c r="C168" s="8" t="s">
        <v>1374</v>
      </c>
      <c r="D168" s="8">
        <v>1739</v>
      </c>
      <c r="E168" s="3" t="s">
        <v>13</v>
      </c>
      <c r="F168" s="6" t="s">
        <v>2894</v>
      </c>
      <c r="G168" s="3" t="s">
        <v>16</v>
      </c>
      <c r="H168" s="3" t="s">
        <v>17</v>
      </c>
      <c r="I168" s="3" t="s">
        <v>18</v>
      </c>
      <c r="J168" s="3" t="s">
        <v>2895</v>
      </c>
      <c r="K168" s="4">
        <v>43390</v>
      </c>
    </row>
    <row r="169" spans="1:11" ht="30" x14ac:dyDescent="0.25">
      <c r="A169" s="6" t="s">
        <v>2896</v>
      </c>
      <c r="B169" s="8" t="s">
        <v>12</v>
      </c>
      <c r="C169" s="8" t="s">
        <v>2897</v>
      </c>
      <c r="D169" s="8">
        <v>1688</v>
      </c>
      <c r="E169" s="3" t="s">
        <v>454</v>
      </c>
      <c r="F169" s="6" t="s">
        <v>2898</v>
      </c>
      <c r="G169" s="3" t="s">
        <v>16</v>
      </c>
      <c r="H169" s="3" t="s">
        <v>24</v>
      </c>
      <c r="I169" s="3" t="s">
        <v>57</v>
      </c>
      <c r="J169" s="3" t="s">
        <v>2899</v>
      </c>
      <c r="K169" s="4">
        <v>43390</v>
      </c>
    </row>
    <row r="170" spans="1:11" ht="30" x14ac:dyDescent="0.25">
      <c r="A170" s="6" t="s">
        <v>3005</v>
      </c>
      <c r="B170" s="8" t="s">
        <v>12</v>
      </c>
      <c r="C170" s="8" t="s">
        <v>3006</v>
      </c>
      <c r="D170" s="8">
        <v>1518</v>
      </c>
      <c r="E170" s="3" t="s">
        <v>3007</v>
      </c>
      <c r="F170" s="6" t="s">
        <v>3008</v>
      </c>
      <c r="G170" s="3" t="s">
        <v>16</v>
      </c>
      <c r="H170" s="3" t="s">
        <v>24</v>
      </c>
      <c r="I170" s="3" t="s">
        <v>57</v>
      </c>
      <c r="J170" s="3" t="s">
        <v>3009</v>
      </c>
      <c r="K170" s="4">
        <v>43390</v>
      </c>
    </row>
    <row r="171" spans="1:11" ht="75" x14ac:dyDescent="0.25">
      <c r="A171" s="6" t="s">
        <v>3024</v>
      </c>
      <c r="B171" s="8" t="s">
        <v>12</v>
      </c>
      <c r="C171" s="8">
        <v>1919</v>
      </c>
      <c r="D171" s="8">
        <v>1919</v>
      </c>
      <c r="E171" s="3" t="s">
        <v>13</v>
      </c>
      <c r="F171" s="6" t="s">
        <v>2926</v>
      </c>
      <c r="G171" s="3" t="s">
        <v>16</v>
      </c>
      <c r="H171" s="3" t="s">
        <v>17</v>
      </c>
      <c r="I171" s="3" t="s">
        <v>13</v>
      </c>
      <c r="J171" s="3" t="s">
        <v>3025</v>
      </c>
      <c r="K171" s="4">
        <v>43390</v>
      </c>
    </row>
    <row r="172" spans="1:11" x14ac:dyDescent="0.25">
      <c r="A172" s="6" t="s">
        <v>3072</v>
      </c>
      <c r="B172" s="8" t="s">
        <v>12</v>
      </c>
      <c r="C172" s="8" t="s">
        <v>13</v>
      </c>
      <c r="D172" s="8">
        <v>1669</v>
      </c>
      <c r="E172" s="3" t="s">
        <v>3073</v>
      </c>
      <c r="F172" s="6" t="s">
        <v>3074</v>
      </c>
      <c r="G172" s="3" t="s">
        <v>16</v>
      </c>
      <c r="H172" s="3" t="s">
        <v>24</v>
      </c>
      <c r="I172" s="3" t="s">
        <v>57</v>
      </c>
      <c r="J172" s="3" t="s">
        <v>3075</v>
      </c>
      <c r="K172" s="4">
        <v>43390</v>
      </c>
    </row>
    <row r="173" spans="1:11" ht="30" x14ac:dyDescent="0.25">
      <c r="A173" s="6" t="s">
        <v>3097</v>
      </c>
      <c r="B173" s="8" t="s">
        <v>12</v>
      </c>
      <c r="C173" s="8" t="s">
        <v>2897</v>
      </c>
      <c r="D173" s="8">
        <v>1688</v>
      </c>
      <c r="E173" s="3" t="s">
        <v>454</v>
      </c>
      <c r="F173" s="6" t="s">
        <v>3098</v>
      </c>
      <c r="G173" s="3" t="s">
        <v>16</v>
      </c>
      <c r="H173" s="3" t="s">
        <v>24</v>
      </c>
      <c r="I173" s="3" t="s">
        <v>57</v>
      </c>
      <c r="J173" s="3" t="s">
        <v>13</v>
      </c>
      <c r="K173" s="4">
        <v>43390</v>
      </c>
    </row>
    <row r="174" spans="1:11" ht="30" x14ac:dyDescent="0.25">
      <c r="A174" s="6" t="s">
        <v>3103</v>
      </c>
      <c r="B174" s="8" t="s">
        <v>12</v>
      </c>
      <c r="C174" s="8" t="s">
        <v>535</v>
      </c>
      <c r="D174" s="8">
        <v>1573</v>
      </c>
      <c r="E174" s="3" t="s">
        <v>3104</v>
      </c>
      <c r="F174" s="6" t="s">
        <v>3105</v>
      </c>
      <c r="G174" s="3" t="s">
        <v>16</v>
      </c>
      <c r="H174" s="3" t="s">
        <v>24</v>
      </c>
      <c r="I174" s="3" t="s">
        <v>182</v>
      </c>
      <c r="J174" s="3"/>
      <c r="K174" s="4">
        <v>43390</v>
      </c>
    </row>
    <row r="175" spans="1:11" x14ac:dyDescent="0.25">
      <c r="A175" s="6" t="s">
        <v>3123</v>
      </c>
      <c r="B175" s="8" t="s">
        <v>12</v>
      </c>
      <c r="C175" s="8" t="s">
        <v>3124</v>
      </c>
      <c r="D175" s="8">
        <v>1548</v>
      </c>
      <c r="E175" s="3" t="s">
        <v>3125</v>
      </c>
      <c r="F175" s="6" t="s">
        <v>3126</v>
      </c>
      <c r="G175" s="3" t="s">
        <v>16</v>
      </c>
      <c r="H175" s="3" t="s">
        <v>30</v>
      </c>
      <c r="I175" s="3" t="s">
        <v>2062</v>
      </c>
      <c r="J175" s="3" t="s">
        <v>3127</v>
      </c>
      <c r="K175" s="4">
        <v>43390</v>
      </c>
    </row>
    <row r="176" spans="1:11" ht="60" x14ac:dyDescent="0.25">
      <c r="A176" s="6" t="s">
        <v>3194</v>
      </c>
      <c r="B176" s="8" t="s">
        <v>12</v>
      </c>
      <c r="C176" s="8" t="s">
        <v>3195</v>
      </c>
      <c r="D176" s="8" t="s">
        <v>3196</v>
      </c>
      <c r="E176" s="3" t="s">
        <v>3197</v>
      </c>
      <c r="F176" s="6" t="s">
        <v>3198</v>
      </c>
      <c r="G176" s="3" t="s">
        <v>16</v>
      </c>
      <c r="H176" s="3" t="s">
        <v>24</v>
      </c>
      <c r="I176" s="3" t="s">
        <v>3199</v>
      </c>
      <c r="J176" s="3" t="s">
        <v>13</v>
      </c>
      <c r="K176" s="4">
        <v>43390</v>
      </c>
    </row>
    <row r="177" spans="1:11" ht="45" x14ac:dyDescent="0.25">
      <c r="A177" s="6" t="s">
        <v>3214</v>
      </c>
      <c r="B177" s="8" t="s">
        <v>12</v>
      </c>
      <c r="C177" s="8" t="s">
        <v>13</v>
      </c>
      <c r="D177" s="8">
        <v>1730</v>
      </c>
      <c r="E177" s="3" t="s">
        <v>13</v>
      </c>
      <c r="F177" s="6" t="s">
        <v>3215</v>
      </c>
      <c r="G177" s="3" t="s">
        <v>16</v>
      </c>
      <c r="H177" s="3" t="s">
        <v>17</v>
      </c>
      <c r="I177" s="3" t="s">
        <v>18</v>
      </c>
      <c r="J177" s="3" t="s">
        <v>3216</v>
      </c>
      <c r="K177" s="4">
        <v>43390</v>
      </c>
    </row>
    <row r="178" spans="1:11" ht="30" x14ac:dyDescent="0.25">
      <c r="A178" s="6" t="s">
        <v>3287</v>
      </c>
      <c r="B178" s="8" t="s">
        <v>12</v>
      </c>
      <c r="C178" s="8" t="s">
        <v>868</v>
      </c>
      <c r="D178" s="8">
        <v>1669</v>
      </c>
      <c r="E178" s="3" t="s">
        <v>332</v>
      </c>
      <c r="F178" s="6" t="s">
        <v>3288</v>
      </c>
      <c r="G178" s="3" t="s">
        <v>16</v>
      </c>
      <c r="H178" s="3" t="s">
        <v>24</v>
      </c>
      <c r="I178" s="3" t="s">
        <v>226</v>
      </c>
      <c r="J178" s="3" t="s">
        <v>3289</v>
      </c>
      <c r="K178" s="4">
        <v>43390</v>
      </c>
    </row>
    <row r="179" spans="1:11" ht="120" x14ac:dyDescent="0.25">
      <c r="A179" s="6" t="s">
        <v>3290</v>
      </c>
      <c r="B179" s="8" t="s">
        <v>12</v>
      </c>
      <c r="C179" s="8" t="s">
        <v>3291</v>
      </c>
      <c r="D179" s="8">
        <v>1863</v>
      </c>
      <c r="E179" s="3" t="s">
        <v>13</v>
      </c>
      <c r="F179" s="6" t="s">
        <v>3292</v>
      </c>
      <c r="G179" s="3" t="s">
        <v>16</v>
      </c>
      <c r="H179" s="3" t="s">
        <v>24</v>
      </c>
      <c r="I179" s="3" t="s">
        <v>18</v>
      </c>
      <c r="J179" s="3" t="s">
        <v>3293</v>
      </c>
      <c r="K179" s="4">
        <v>43390</v>
      </c>
    </row>
    <row r="180" spans="1:11" ht="30" x14ac:dyDescent="0.25">
      <c r="A180" s="6" t="s">
        <v>3332</v>
      </c>
      <c r="B180" s="8" t="s">
        <v>12</v>
      </c>
      <c r="C180" s="8" t="s">
        <v>3333</v>
      </c>
      <c r="D180" s="8">
        <v>1629</v>
      </c>
      <c r="E180" s="3" t="s">
        <v>3334</v>
      </c>
      <c r="F180" s="6" t="s">
        <v>3335</v>
      </c>
      <c r="G180" s="3" t="s">
        <v>16</v>
      </c>
      <c r="H180" s="3" t="s">
        <v>24</v>
      </c>
      <c r="I180" s="3" t="s">
        <v>57</v>
      </c>
      <c r="J180" s="3" t="s">
        <v>13</v>
      </c>
      <c r="K180" s="4">
        <v>43390</v>
      </c>
    </row>
    <row r="181" spans="1:11" ht="30" x14ac:dyDescent="0.25">
      <c r="A181" s="6" t="s">
        <v>3388</v>
      </c>
      <c r="B181" s="8" t="s">
        <v>12</v>
      </c>
      <c r="C181" s="8" t="s">
        <v>1892</v>
      </c>
      <c r="D181" s="8">
        <v>1741</v>
      </c>
      <c r="E181" s="3" t="s">
        <v>3389</v>
      </c>
      <c r="F181" s="6" t="s">
        <v>3390</v>
      </c>
      <c r="G181" s="3" t="s">
        <v>16</v>
      </c>
      <c r="H181" s="3" t="s">
        <v>24</v>
      </c>
      <c r="I181" s="3" t="s">
        <v>18</v>
      </c>
      <c r="J181" s="3" t="s">
        <v>3391</v>
      </c>
      <c r="K181" s="4">
        <v>43390</v>
      </c>
    </row>
    <row r="182" spans="1:11" ht="60" x14ac:dyDescent="0.25">
      <c r="A182" s="6" t="s">
        <v>3392</v>
      </c>
      <c r="B182" s="8" t="s">
        <v>12</v>
      </c>
      <c r="C182" s="8">
        <v>1709</v>
      </c>
      <c r="D182" s="8">
        <v>1709</v>
      </c>
      <c r="E182" s="3" t="s">
        <v>3393</v>
      </c>
      <c r="F182" s="6" t="s">
        <v>3394</v>
      </c>
      <c r="G182" s="3" t="s">
        <v>16</v>
      </c>
      <c r="H182" s="3" t="s">
        <v>24</v>
      </c>
      <c r="I182" s="3" t="s">
        <v>226</v>
      </c>
      <c r="J182" s="3" t="s">
        <v>3391</v>
      </c>
      <c r="K182" s="4">
        <v>43390</v>
      </c>
    </row>
    <row r="183" spans="1:11" ht="45" x14ac:dyDescent="0.25">
      <c r="A183" s="6" t="s">
        <v>3473</v>
      </c>
      <c r="B183" s="8" t="s">
        <v>12</v>
      </c>
      <c r="C183" s="8">
        <v>1574</v>
      </c>
      <c r="D183" s="8">
        <v>1574</v>
      </c>
      <c r="E183" s="3" t="s">
        <v>3474</v>
      </c>
      <c r="F183" s="6" t="s">
        <v>116</v>
      </c>
      <c r="G183" s="3" t="s">
        <v>16</v>
      </c>
      <c r="H183" s="3" t="s">
        <v>24</v>
      </c>
      <c r="I183" s="3" t="s">
        <v>18</v>
      </c>
      <c r="J183" s="3" t="s">
        <v>117</v>
      </c>
      <c r="K183" s="4">
        <v>43390</v>
      </c>
    </row>
    <row r="184" spans="1:11" ht="30" x14ac:dyDescent="0.25">
      <c r="A184" s="6" t="s">
        <v>3482</v>
      </c>
      <c r="B184" s="8" t="s">
        <v>12</v>
      </c>
      <c r="C184" s="8" t="s">
        <v>3483</v>
      </c>
      <c r="D184" s="8" t="s">
        <v>3484</v>
      </c>
      <c r="E184" s="3" t="s">
        <v>3485</v>
      </c>
      <c r="F184" s="6" t="s">
        <v>3486</v>
      </c>
      <c r="G184" s="3" t="s">
        <v>16</v>
      </c>
      <c r="H184" s="3" t="s">
        <v>24</v>
      </c>
      <c r="I184" s="3" t="s">
        <v>57</v>
      </c>
      <c r="J184" s="3" t="s">
        <v>13</v>
      </c>
      <c r="K184" s="4">
        <v>43390</v>
      </c>
    </row>
    <row r="185" spans="1:11" ht="30" x14ac:dyDescent="0.25">
      <c r="A185" s="6" t="s">
        <v>3530</v>
      </c>
      <c r="B185" s="8" t="s">
        <v>12</v>
      </c>
      <c r="C185" s="8" t="s">
        <v>3531</v>
      </c>
      <c r="D185" s="8" t="s">
        <v>3532</v>
      </c>
      <c r="E185" s="3" t="s">
        <v>3533</v>
      </c>
      <c r="F185" s="6" t="s">
        <v>3534</v>
      </c>
      <c r="G185" s="3" t="s">
        <v>16</v>
      </c>
      <c r="H185" s="3" t="s">
        <v>24</v>
      </c>
      <c r="I185" s="3" t="s">
        <v>3535</v>
      </c>
      <c r="J185" s="3" t="s">
        <v>3536</v>
      </c>
      <c r="K185" s="4">
        <v>43390</v>
      </c>
    </row>
    <row r="186" spans="1:11" ht="45" x14ac:dyDescent="0.25">
      <c r="A186" s="6" t="s">
        <v>3541</v>
      </c>
      <c r="B186" s="8" t="s">
        <v>12</v>
      </c>
      <c r="C186" s="8" t="s">
        <v>3542</v>
      </c>
      <c r="D186" s="8">
        <v>1653</v>
      </c>
      <c r="E186" s="3" t="s">
        <v>3543</v>
      </c>
      <c r="F186" s="6" t="s">
        <v>3544</v>
      </c>
      <c r="G186" s="3" t="s">
        <v>16</v>
      </c>
      <c r="H186" s="3" t="s">
        <v>24</v>
      </c>
      <c r="I186" s="3" t="s">
        <v>57</v>
      </c>
      <c r="J186" s="3" t="s">
        <v>13</v>
      </c>
      <c r="K186" s="4">
        <v>43390</v>
      </c>
    </row>
    <row r="187" spans="1:11" ht="90" x14ac:dyDescent="0.25">
      <c r="A187" s="6" t="s">
        <v>3545</v>
      </c>
      <c r="B187" s="8" t="s">
        <v>12</v>
      </c>
      <c r="C187" s="8" t="s">
        <v>850</v>
      </c>
      <c r="D187" s="8">
        <v>1729</v>
      </c>
      <c r="E187" s="3" t="s">
        <v>3546</v>
      </c>
      <c r="F187" s="6" t="s">
        <v>3547</v>
      </c>
      <c r="G187" s="3" t="s">
        <v>16</v>
      </c>
      <c r="H187" s="3" t="s">
        <v>24</v>
      </c>
      <c r="I187" s="3" t="s">
        <v>57</v>
      </c>
      <c r="J187" s="3" t="s">
        <v>3548</v>
      </c>
      <c r="K187" s="4">
        <v>43390</v>
      </c>
    </row>
    <row r="188" spans="1:11" x14ac:dyDescent="0.25">
      <c r="A188" s="6" t="s">
        <v>3622</v>
      </c>
      <c r="B188" s="8" t="s">
        <v>12</v>
      </c>
      <c r="C188" s="8" t="s">
        <v>1101</v>
      </c>
      <c r="D188" s="8">
        <v>1762</v>
      </c>
      <c r="E188" s="3" t="s">
        <v>248</v>
      </c>
      <c r="F188" s="6" t="s">
        <v>3623</v>
      </c>
      <c r="G188" s="3" t="s">
        <v>16</v>
      </c>
      <c r="H188" s="3" t="s">
        <v>24</v>
      </c>
      <c r="I188" s="3" t="s">
        <v>250</v>
      </c>
      <c r="J188" s="3" t="s">
        <v>3624</v>
      </c>
      <c r="K188" s="4">
        <v>43390</v>
      </c>
    </row>
    <row r="189" spans="1:11" ht="30" x14ac:dyDescent="0.25">
      <c r="A189" s="6" t="s">
        <v>3808</v>
      </c>
      <c r="B189" s="8" t="s">
        <v>12</v>
      </c>
      <c r="C189" s="8" t="s">
        <v>3809</v>
      </c>
      <c r="D189" s="8">
        <v>1707</v>
      </c>
      <c r="E189" s="3" t="s">
        <v>1449</v>
      </c>
      <c r="F189" s="6" t="s">
        <v>3810</v>
      </c>
      <c r="G189" s="3" t="s">
        <v>16</v>
      </c>
      <c r="H189" s="3" t="s">
        <v>24</v>
      </c>
      <c r="I189" s="3" t="s">
        <v>57</v>
      </c>
      <c r="J189" s="3" t="s">
        <v>3811</v>
      </c>
      <c r="K189" s="4">
        <v>43390</v>
      </c>
    </row>
    <row r="190" spans="1:11" ht="45" x14ac:dyDescent="0.25">
      <c r="A190" s="6" t="s">
        <v>3825</v>
      </c>
      <c r="B190" s="8" t="s">
        <v>12</v>
      </c>
      <c r="C190" s="8" t="s">
        <v>664</v>
      </c>
      <c r="D190" s="8">
        <v>1659</v>
      </c>
      <c r="E190" s="3" t="s">
        <v>2144</v>
      </c>
      <c r="F190" s="6" t="s">
        <v>3826</v>
      </c>
      <c r="G190" s="3" t="s">
        <v>16</v>
      </c>
      <c r="H190" s="3" t="s">
        <v>24</v>
      </c>
      <c r="I190" s="3" t="s">
        <v>57</v>
      </c>
      <c r="J190" s="3" t="s">
        <v>13</v>
      </c>
      <c r="K190" s="4">
        <v>43390</v>
      </c>
    </row>
    <row r="191" spans="1:11" ht="30" x14ac:dyDescent="0.25">
      <c r="A191" s="6" t="s">
        <v>3832</v>
      </c>
      <c r="B191" s="8" t="s">
        <v>12</v>
      </c>
      <c r="C191" s="8" t="s">
        <v>13</v>
      </c>
      <c r="D191" s="8">
        <v>1851</v>
      </c>
      <c r="E191" s="3" t="s">
        <v>13</v>
      </c>
      <c r="F191" s="6" t="s">
        <v>3833</v>
      </c>
      <c r="G191" s="3" t="s">
        <v>16</v>
      </c>
      <c r="H191" s="3" t="s">
        <v>17</v>
      </c>
      <c r="I191" s="3" t="s">
        <v>13</v>
      </c>
      <c r="J191" s="3" t="s">
        <v>13</v>
      </c>
      <c r="K191" s="4">
        <v>43390</v>
      </c>
    </row>
    <row r="192" spans="1:11" ht="45" x14ac:dyDescent="0.25">
      <c r="A192" s="6" t="s">
        <v>3876</v>
      </c>
      <c r="B192" s="8" t="s">
        <v>12</v>
      </c>
      <c r="C192" s="8">
        <v>1677</v>
      </c>
      <c r="D192" s="8">
        <v>1677</v>
      </c>
      <c r="E192" s="3" t="s">
        <v>3877</v>
      </c>
      <c r="F192" s="6" t="s">
        <v>3878</v>
      </c>
      <c r="G192" s="3" t="s">
        <v>16</v>
      </c>
      <c r="H192" s="3" t="s">
        <v>24</v>
      </c>
      <c r="I192" s="3" t="s">
        <v>57</v>
      </c>
      <c r="J192" s="3" t="s">
        <v>3879</v>
      </c>
      <c r="K192" s="4">
        <v>43390</v>
      </c>
    </row>
    <row r="193" spans="1:11" ht="45" x14ac:dyDescent="0.25">
      <c r="A193" s="6" t="s">
        <v>3880</v>
      </c>
      <c r="B193" s="8" t="s">
        <v>12</v>
      </c>
      <c r="C193" s="8" t="s">
        <v>3881</v>
      </c>
      <c r="D193" s="8" t="s">
        <v>3882</v>
      </c>
      <c r="E193" s="3" t="s">
        <v>454</v>
      </c>
      <c r="F193" s="6" t="s">
        <v>3883</v>
      </c>
      <c r="G193" s="3" t="s">
        <v>16</v>
      </c>
      <c r="H193" s="3" t="s">
        <v>24</v>
      </c>
      <c r="I193" s="3" t="s">
        <v>166</v>
      </c>
      <c r="J193" s="3" t="s">
        <v>13</v>
      </c>
      <c r="K193" s="4">
        <v>43390</v>
      </c>
    </row>
    <row r="194" spans="1:11" ht="165" x14ac:dyDescent="0.25">
      <c r="A194" s="6" t="s">
        <v>2222</v>
      </c>
      <c r="B194" s="8" t="s">
        <v>12</v>
      </c>
      <c r="C194" s="8" t="s">
        <v>13</v>
      </c>
      <c r="D194" s="8">
        <v>1565</v>
      </c>
      <c r="E194" s="3" t="s">
        <v>2223</v>
      </c>
      <c r="F194" s="6" t="s">
        <v>2224</v>
      </c>
      <c r="G194" s="3" t="s">
        <v>16</v>
      </c>
      <c r="H194" s="3" t="s">
        <v>24</v>
      </c>
      <c r="I194" s="3" t="s">
        <v>182</v>
      </c>
      <c r="J194" s="3" t="s">
        <v>2225</v>
      </c>
      <c r="K194" s="4">
        <v>43390</v>
      </c>
    </row>
    <row r="195" spans="1:11" x14ac:dyDescent="0.25">
      <c r="A195" s="6" t="s">
        <v>3975</v>
      </c>
      <c r="B195" s="8" t="s">
        <v>12</v>
      </c>
      <c r="C195" s="8" t="s">
        <v>3976</v>
      </c>
      <c r="D195" s="8">
        <v>1610</v>
      </c>
      <c r="E195" s="3" t="s">
        <v>3977</v>
      </c>
      <c r="F195" s="6" t="s">
        <v>3978</v>
      </c>
      <c r="G195" s="3" t="s">
        <v>16</v>
      </c>
      <c r="H195" s="3" t="s">
        <v>24</v>
      </c>
      <c r="I195" s="3" t="s">
        <v>13</v>
      </c>
      <c r="J195" s="3" t="s">
        <v>3979</v>
      </c>
      <c r="K195" s="4">
        <v>43390</v>
      </c>
    </row>
    <row r="196" spans="1:11" ht="30" x14ac:dyDescent="0.25">
      <c r="A196" s="6" t="s">
        <v>3989</v>
      </c>
      <c r="B196" s="8" t="s">
        <v>12</v>
      </c>
      <c r="C196" s="8" t="s">
        <v>535</v>
      </c>
      <c r="D196" s="8">
        <v>1573</v>
      </c>
      <c r="E196" s="3" t="s">
        <v>3104</v>
      </c>
      <c r="F196" s="6" t="s">
        <v>3105</v>
      </c>
      <c r="G196" s="3" t="s">
        <v>16</v>
      </c>
      <c r="H196" s="3" t="s">
        <v>24</v>
      </c>
      <c r="I196" s="3" t="s">
        <v>182</v>
      </c>
      <c r="J196" s="3"/>
      <c r="K196" s="4">
        <v>43390</v>
      </c>
    </row>
    <row r="197" spans="1:11" ht="45" x14ac:dyDescent="0.25">
      <c r="A197" s="6" t="s">
        <v>4021</v>
      </c>
      <c r="B197" s="8" t="s">
        <v>12</v>
      </c>
      <c r="C197" s="8" t="s">
        <v>13</v>
      </c>
      <c r="D197" s="8">
        <v>1699</v>
      </c>
      <c r="E197" s="3" t="s">
        <v>4022</v>
      </c>
      <c r="F197" s="6" t="s">
        <v>4023</v>
      </c>
      <c r="G197" s="3" t="s">
        <v>16</v>
      </c>
      <c r="H197" s="3" t="s">
        <v>24</v>
      </c>
      <c r="I197" s="3" t="s">
        <v>52</v>
      </c>
      <c r="J197" s="3" t="s">
        <v>4024</v>
      </c>
      <c r="K197" s="4">
        <v>43390</v>
      </c>
    </row>
    <row r="198" spans="1:11" ht="45" x14ac:dyDescent="0.25">
      <c r="A198" s="6" t="s">
        <v>4026</v>
      </c>
      <c r="B198" s="8" t="s">
        <v>12</v>
      </c>
      <c r="C198" s="8" t="s">
        <v>4027</v>
      </c>
      <c r="D198" s="8" t="s">
        <v>4028</v>
      </c>
      <c r="E198" s="3" t="s">
        <v>4029</v>
      </c>
      <c r="F198" s="6" t="s">
        <v>4030</v>
      </c>
      <c r="G198" s="3" t="s">
        <v>16</v>
      </c>
      <c r="H198" s="3" t="s">
        <v>24</v>
      </c>
      <c r="I198" s="3" t="s">
        <v>1369</v>
      </c>
      <c r="J198" s="3" t="s">
        <v>13</v>
      </c>
      <c r="K198" s="4">
        <v>43390</v>
      </c>
    </row>
    <row r="199" spans="1:11" ht="30" x14ac:dyDescent="0.25">
      <c r="A199" s="6" t="s">
        <v>4094</v>
      </c>
      <c r="B199" s="8" t="s">
        <v>12</v>
      </c>
      <c r="C199" s="8" t="s">
        <v>1750</v>
      </c>
      <c r="D199" s="8">
        <v>1702</v>
      </c>
      <c r="E199" s="3" t="s">
        <v>1751</v>
      </c>
      <c r="F199" s="6" t="s">
        <v>1752</v>
      </c>
      <c r="G199" s="3" t="s">
        <v>16</v>
      </c>
      <c r="H199" s="3" t="s">
        <v>170</v>
      </c>
      <c r="I199" s="3" t="s">
        <v>739</v>
      </c>
      <c r="J199" s="3" t="s">
        <v>1753</v>
      </c>
      <c r="K199" s="4">
        <v>43390</v>
      </c>
    </row>
    <row r="200" spans="1:11" ht="150" x14ac:dyDescent="0.25">
      <c r="A200" s="6" t="s">
        <v>4241</v>
      </c>
      <c r="B200" s="8" t="s">
        <v>12</v>
      </c>
      <c r="C200" s="8" t="s">
        <v>13</v>
      </c>
      <c r="D200" s="8">
        <v>1502</v>
      </c>
      <c r="E200" s="3" t="s">
        <v>4242</v>
      </c>
      <c r="F200" s="6" t="s">
        <v>4243</v>
      </c>
      <c r="G200" s="3" t="s">
        <v>16</v>
      </c>
      <c r="H200" s="3" t="s">
        <v>30</v>
      </c>
      <c r="I200" s="3" t="s">
        <v>388</v>
      </c>
      <c r="J200" s="3" t="s">
        <v>4244</v>
      </c>
      <c r="K200" s="4">
        <v>43390</v>
      </c>
    </row>
    <row r="201" spans="1:11" ht="30" x14ac:dyDescent="0.25">
      <c r="A201" s="6" t="s">
        <v>4277</v>
      </c>
      <c r="B201" s="8" t="s">
        <v>12</v>
      </c>
      <c r="C201" s="8" t="s">
        <v>1187</v>
      </c>
      <c r="D201" s="8">
        <v>1692</v>
      </c>
      <c r="E201" s="3" t="s">
        <v>4278</v>
      </c>
      <c r="F201" s="6" t="s">
        <v>4279</v>
      </c>
      <c r="G201" s="3" t="s">
        <v>16</v>
      </c>
      <c r="H201" s="3" t="s">
        <v>24</v>
      </c>
      <c r="I201" s="3" t="s">
        <v>57</v>
      </c>
      <c r="J201" s="3" t="s">
        <v>13</v>
      </c>
      <c r="K201" s="4">
        <v>43390</v>
      </c>
    </row>
    <row r="202" spans="1:11" x14ac:dyDescent="0.25">
      <c r="A202" s="6" t="s">
        <v>4305</v>
      </c>
      <c r="B202" s="8" t="s">
        <v>12</v>
      </c>
      <c r="C202" s="8" t="s">
        <v>4306</v>
      </c>
      <c r="D202" s="8" t="s">
        <v>4307</v>
      </c>
      <c r="E202" s="3" t="s">
        <v>3533</v>
      </c>
      <c r="F202" s="6" t="s">
        <v>4308</v>
      </c>
      <c r="G202" s="3" t="s">
        <v>16</v>
      </c>
      <c r="H202" s="3" t="s">
        <v>24</v>
      </c>
      <c r="I202" s="3" t="s">
        <v>57</v>
      </c>
      <c r="J202" s="3" t="s">
        <v>13</v>
      </c>
      <c r="K202" s="4">
        <v>43390</v>
      </c>
    </row>
    <row r="203" spans="1:11" ht="30" x14ac:dyDescent="0.25">
      <c r="A203" s="6" t="s">
        <v>3989</v>
      </c>
      <c r="B203" s="8" t="s">
        <v>12</v>
      </c>
      <c r="C203" s="8" t="s">
        <v>535</v>
      </c>
      <c r="D203" s="8">
        <v>1573</v>
      </c>
      <c r="E203" s="3" t="s">
        <v>3104</v>
      </c>
      <c r="F203" s="6" t="s">
        <v>3105</v>
      </c>
      <c r="G203" s="3" t="s">
        <v>16</v>
      </c>
      <c r="H203" s="3" t="s">
        <v>24</v>
      </c>
      <c r="I203" s="3" t="s">
        <v>182</v>
      </c>
      <c r="J203" s="3"/>
      <c r="K203" s="4">
        <v>43390</v>
      </c>
    </row>
    <row r="204" spans="1:11" x14ac:dyDescent="0.25">
      <c r="A204" s="6" t="s">
        <v>4459</v>
      </c>
      <c r="B204" s="8" t="s">
        <v>12</v>
      </c>
      <c r="C204" s="8" t="s">
        <v>4460</v>
      </c>
      <c r="D204" s="8" t="s">
        <v>4461</v>
      </c>
      <c r="E204" s="3" t="s">
        <v>50</v>
      </c>
      <c r="F204" s="6" t="s">
        <v>4462</v>
      </c>
      <c r="G204" s="3" t="s">
        <v>16</v>
      </c>
      <c r="H204" s="3" t="s">
        <v>24</v>
      </c>
      <c r="I204" s="3" t="s">
        <v>52</v>
      </c>
      <c r="J204" s="3" t="s">
        <v>13</v>
      </c>
      <c r="K204" s="4">
        <v>43390</v>
      </c>
    </row>
    <row r="205" spans="1:11" ht="45" x14ac:dyDescent="0.25">
      <c r="A205" s="6" t="s">
        <v>4494</v>
      </c>
      <c r="B205" s="8" t="s">
        <v>12</v>
      </c>
      <c r="C205" s="8" t="s">
        <v>4495</v>
      </c>
      <c r="D205" s="8" t="s">
        <v>4496</v>
      </c>
      <c r="E205" s="3" t="s">
        <v>4497</v>
      </c>
      <c r="F205" s="6" t="s">
        <v>4498</v>
      </c>
      <c r="G205" s="3" t="s">
        <v>16</v>
      </c>
      <c r="H205" s="3" t="s">
        <v>24</v>
      </c>
      <c r="I205" s="3" t="s">
        <v>57</v>
      </c>
      <c r="J205" s="3" t="s">
        <v>13</v>
      </c>
      <c r="K205" s="4">
        <v>43390</v>
      </c>
    </row>
    <row r="206" spans="1:11" ht="105" x14ac:dyDescent="0.25">
      <c r="A206" s="6" t="s">
        <v>4529</v>
      </c>
      <c r="B206" s="8" t="s">
        <v>12</v>
      </c>
      <c r="C206" s="8">
        <v>1817</v>
      </c>
      <c r="D206" s="8">
        <v>1817</v>
      </c>
      <c r="E206" s="3" t="s">
        <v>4530</v>
      </c>
      <c r="F206" s="6" t="s">
        <v>4531</v>
      </c>
      <c r="G206" s="3" t="s">
        <v>16</v>
      </c>
      <c r="H206" s="3" t="s">
        <v>17</v>
      </c>
      <c r="I206" s="3" t="s">
        <v>18</v>
      </c>
      <c r="J206" s="3" t="s">
        <v>4532</v>
      </c>
      <c r="K206" s="4">
        <v>43390</v>
      </c>
    </row>
    <row r="207" spans="1:11" ht="30" x14ac:dyDescent="0.25">
      <c r="A207" s="6" t="s">
        <v>4544</v>
      </c>
      <c r="B207" s="8" t="s">
        <v>12</v>
      </c>
      <c r="C207" s="8">
        <v>1675</v>
      </c>
      <c r="D207" s="8">
        <v>1675</v>
      </c>
      <c r="E207" s="3" t="s">
        <v>4545</v>
      </c>
      <c r="F207" s="6" t="s">
        <v>4546</v>
      </c>
      <c r="G207" s="3" t="s">
        <v>16</v>
      </c>
      <c r="H207" s="3" t="s">
        <v>24</v>
      </c>
      <c r="I207" s="3" t="s">
        <v>57</v>
      </c>
      <c r="J207" s="3" t="s">
        <v>2237</v>
      </c>
      <c r="K207" s="4">
        <v>43390</v>
      </c>
    </row>
    <row r="208" spans="1:11" ht="30" x14ac:dyDescent="0.25">
      <c r="A208" s="6" t="s">
        <v>4603</v>
      </c>
      <c r="B208" s="8" t="s">
        <v>12</v>
      </c>
      <c r="C208" s="8">
        <v>1815</v>
      </c>
      <c r="D208" s="8">
        <v>1815</v>
      </c>
      <c r="E208" s="3" t="s">
        <v>13</v>
      </c>
      <c r="F208" s="6" t="s">
        <v>4604</v>
      </c>
      <c r="G208" s="3" t="s">
        <v>16</v>
      </c>
      <c r="H208" s="3" t="s">
        <v>24</v>
      </c>
      <c r="I208" s="3" t="s">
        <v>52</v>
      </c>
      <c r="J208" s="3" t="s">
        <v>4605</v>
      </c>
      <c r="K208" s="4">
        <v>43390</v>
      </c>
    </row>
    <row r="209" spans="1:11" ht="90" x14ac:dyDescent="0.25">
      <c r="A209" s="6" t="s">
        <v>4750</v>
      </c>
      <c r="B209" s="8" t="s">
        <v>12</v>
      </c>
      <c r="C209" s="8" t="s">
        <v>13</v>
      </c>
      <c r="D209" s="8">
        <v>1920</v>
      </c>
      <c r="E209" s="3" t="s">
        <v>4751</v>
      </c>
      <c r="F209" s="6" t="s">
        <v>4752</v>
      </c>
      <c r="G209" s="3" t="s">
        <v>16</v>
      </c>
      <c r="H209" s="3" t="s">
        <v>17</v>
      </c>
      <c r="I209" s="3" t="s">
        <v>18</v>
      </c>
      <c r="J209" s="3" t="s">
        <v>4753</v>
      </c>
      <c r="K209" s="4">
        <v>43390</v>
      </c>
    </row>
    <row r="210" spans="1:11" ht="60" x14ac:dyDescent="0.25">
      <c r="A210" s="6" t="s">
        <v>4790</v>
      </c>
      <c r="B210" s="8" t="s">
        <v>12</v>
      </c>
      <c r="C210" s="8">
        <v>1855</v>
      </c>
      <c r="D210" s="8">
        <v>1855</v>
      </c>
      <c r="E210" s="3" t="s">
        <v>4791</v>
      </c>
      <c r="F210" s="6" t="s">
        <v>4792</v>
      </c>
      <c r="G210" s="3" t="s">
        <v>16</v>
      </c>
      <c r="H210" s="3" t="s">
        <v>244</v>
      </c>
      <c r="I210" s="3" t="s">
        <v>4446</v>
      </c>
      <c r="J210" s="3" t="s">
        <v>13</v>
      </c>
      <c r="K210" s="4">
        <v>43390</v>
      </c>
    </row>
    <row r="211" spans="1:11" x14ac:dyDescent="0.25">
      <c r="A211" s="6" t="s">
        <v>4840</v>
      </c>
      <c r="B211" s="8" t="s">
        <v>12</v>
      </c>
      <c r="C211" s="8" t="s">
        <v>4841</v>
      </c>
      <c r="D211" s="8">
        <v>1707</v>
      </c>
      <c r="E211" s="3" t="s">
        <v>224</v>
      </c>
      <c r="F211" s="6" t="s">
        <v>4842</v>
      </c>
      <c r="G211" s="3" t="s">
        <v>16</v>
      </c>
      <c r="H211" s="3" t="s">
        <v>24</v>
      </c>
      <c r="I211" s="3" t="s">
        <v>226</v>
      </c>
      <c r="J211" s="3" t="s">
        <v>4843</v>
      </c>
      <c r="K211" s="4">
        <v>43390</v>
      </c>
    </row>
    <row r="212" spans="1:11" ht="30" x14ac:dyDescent="0.25">
      <c r="A212" s="6" t="s">
        <v>4929</v>
      </c>
      <c r="B212" s="8" t="s">
        <v>12</v>
      </c>
      <c r="C212" s="8" t="s">
        <v>13</v>
      </c>
      <c r="D212" s="8">
        <v>1850</v>
      </c>
      <c r="E212" s="3" t="s">
        <v>13</v>
      </c>
      <c r="F212" s="6" t="s">
        <v>4930</v>
      </c>
      <c r="G212" s="3" t="s">
        <v>16</v>
      </c>
      <c r="H212" s="3" t="s">
        <v>1107</v>
      </c>
      <c r="I212" s="3" t="s">
        <v>13</v>
      </c>
      <c r="J212" s="3" t="s">
        <v>4931</v>
      </c>
      <c r="K212" s="4">
        <v>43390</v>
      </c>
    </row>
    <row r="213" spans="1:11" ht="30" x14ac:dyDescent="0.25">
      <c r="A213" s="6" t="s">
        <v>5014</v>
      </c>
      <c r="B213" s="8" t="s">
        <v>12</v>
      </c>
      <c r="C213" s="8" t="s">
        <v>331</v>
      </c>
      <c r="D213" s="8">
        <v>1664</v>
      </c>
      <c r="E213" s="3" t="s">
        <v>5015</v>
      </c>
      <c r="F213" s="6" t="s">
        <v>5016</v>
      </c>
      <c r="G213" s="3" t="s">
        <v>16</v>
      </c>
      <c r="H213" s="3" t="s">
        <v>30</v>
      </c>
      <c r="I213" s="3" t="s">
        <v>226</v>
      </c>
      <c r="J213" s="3" t="s">
        <v>5017</v>
      </c>
      <c r="K213" s="4">
        <v>43390</v>
      </c>
    </row>
    <row r="214" spans="1:11" ht="45" x14ac:dyDescent="0.25">
      <c r="A214" s="6" t="s">
        <v>5040</v>
      </c>
      <c r="B214" s="8" t="s">
        <v>12</v>
      </c>
      <c r="C214" s="8" t="s">
        <v>2296</v>
      </c>
      <c r="D214" s="8">
        <v>1684</v>
      </c>
      <c r="E214" s="3" t="s">
        <v>3533</v>
      </c>
      <c r="F214" s="6" t="s">
        <v>5041</v>
      </c>
      <c r="G214" s="3" t="s">
        <v>16</v>
      </c>
      <c r="H214" s="3" t="s">
        <v>24</v>
      </c>
      <c r="I214" s="3" t="s">
        <v>57</v>
      </c>
      <c r="J214" s="3" t="s">
        <v>13</v>
      </c>
      <c r="K214" s="4">
        <v>43390</v>
      </c>
    </row>
    <row r="215" spans="1:11" ht="60" x14ac:dyDescent="0.25">
      <c r="A215" s="6" t="s">
        <v>5064</v>
      </c>
      <c r="B215" s="8" t="s">
        <v>12</v>
      </c>
      <c r="C215" s="8" t="s">
        <v>261</v>
      </c>
      <c r="D215" s="8">
        <v>1538</v>
      </c>
      <c r="E215" s="3" t="s">
        <v>5065</v>
      </c>
      <c r="F215" s="6" t="s">
        <v>5066</v>
      </c>
      <c r="G215" s="3" t="s">
        <v>16</v>
      </c>
      <c r="H215" s="3" t="s">
        <v>538</v>
      </c>
      <c r="I215" s="3" t="s">
        <v>182</v>
      </c>
      <c r="J215" s="3" t="s">
        <v>5067</v>
      </c>
      <c r="K215" s="4">
        <v>43390</v>
      </c>
    </row>
    <row r="216" spans="1:11" ht="30" x14ac:dyDescent="0.25">
      <c r="A216" s="6" t="s">
        <v>5089</v>
      </c>
      <c r="B216" s="8" t="s">
        <v>12</v>
      </c>
      <c r="C216" s="8" t="s">
        <v>1101</v>
      </c>
      <c r="D216" s="8">
        <v>1762</v>
      </c>
      <c r="E216" s="3" t="s">
        <v>1802</v>
      </c>
      <c r="F216" s="6" t="s">
        <v>5090</v>
      </c>
      <c r="G216" s="3" t="s">
        <v>16</v>
      </c>
      <c r="H216" s="3" t="s">
        <v>17</v>
      </c>
      <c r="I216" s="3" t="s">
        <v>18</v>
      </c>
      <c r="J216" s="3" t="s">
        <v>5091</v>
      </c>
      <c r="K216" s="4">
        <v>43390</v>
      </c>
    </row>
    <row r="217" spans="1:11" ht="105" x14ac:dyDescent="0.25">
      <c r="A217" s="6" t="s">
        <v>5096</v>
      </c>
      <c r="B217" s="8" t="s">
        <v>12</v>
      </c>
      <c r="C217" s="8" t="s">
        <v>5097</v>
      </c>
      <c r="D217" s="8">
        <v>1548</v>
      </c>
      <c r="E217" s="3" t="s">
        <v>5098</v>
      </c>
      <c r="F217" s="6" t="s">
        <v>5099</v>
      </c>
      <c r="G217" s="3" t="s">
        <v>16</v>
      </c>
      <c r="H217" s="3" t="s">
        <v>24</v>
      </c>
      <c r="I217" s="3" t="s">
        <v>57</v>
      </c>
      <c r="J217" s="3" t="s">
        <v>5100</v>
      </c>
      <c r="K217" s="4">
        <v>43390</v>
      </c>
    </row>
    <row r="218" spans="1:11" ht="30" x14ac:dyDescent="0.25">
      <c r="A218" s="6" t="s">
        <v>5169</v>
      </c>
      <c r="B218" s="8" t="s">
        <v>12</v>
      </c>
      <c r="C218" s="8" t="s">
        <v>5170</v>
      </c>
      <c r="D218" s="8">
        <v>1697</v>
      </c>
      <c r="E218" s="3" t="s">
        <v>3778</v>
      </c>
      <c r="F218" s="6" t="s">
        <v>5171</v>
      </c>
      <c r="G218" s="3" t="s">
        <v>16</v>
      </c>
      <c r="H218" s="3" t="s">
        <v>24</v>
      </c>
      <c r="I218" s="3" t="s">
        <v>57</v>
      </c>
      <c r="J218" s="3" t="s">
        <v>5172</v>
      </c>
      <c r="K218" s="4">
        <v>43390</v>
      </c>
    </row>
    <row r="219" spans="1:11" ht="75" x14ac:dyDescent="0.25">
      <c r="A219" s="6" t="s">
        <v>5263</v>
      </c>
      <c r="B219" s="8" t="s">
        <v>12</v>
      </c>
      <c r="C219" s="8" t="s">
        <v>5264</v>
      </c>
      <c r="D219" s="8">
        <v>1534</v>
      </c>
      <c r="E219" s="3" t="s">
        <v>5265</v>
      </c>
      <c r="F219" s="6" t="s">
        <v>5266</v>
      </c>
      <c r="G219" s="3" t="s">
        <v>16</v>
      </c>
      <c r="H219" s="3" t="s">
        <v>24</v>
      </c>
      <c r="I219" s="3" t="s">
        <v>57</v>
      </c>
      <c r="J219" s="3" t="s">
        <v>5267</v>
      </c>
      <c r="K219" s="4">
        <v>43390</v>
      </c>
    </row>
    <row r="220" spans="1:11" ht="30" x14ac:dyDescent="0.25">
      <c r="A220" s="6" t="s">
        <v>5391</v>
      </c>
      <c r="B220" s="8" t="s">
        <v>12</v>
      </c>
      <c r="C220" s="8" t="s">
        <v>5392</v>
      </c>
      <c r="D220" s="8">
        <v>1593</v>
      </c>
      <c r="E220" s="3" t="s">
        <v>5393</v>
      </c>
      <c r="F220" s="6" t="s">
        <v>5394</v>
      </c>
      <c r="G220" s="3" t="s">
        <v>16</v>
      </c>
      <c r="H220" s="3" t="s">
        <v>24</v>
      </c>
      <c r="I220" s="3" t="s">
        <v>57</v>
      </c>
      <c r="J220" s="3" t="s">
        <v>5395</v>
      </c>
      <c r="K220" s="4">
        <v>43390</v>
      </c>
    </row>
    <row r="221" spans="1:11" ht="30" x14ac:dyDescent="0.25">
      <c r="A221" s="6" t="s">
        <v>5458</v>
      </c>
      <c r="B221" s="8" t="s">
        <v>12</v>
      </c>
      <c r="C221" s="8" t="s">
        <v>5459</v>
      </c>
      <c r="D221" s="8">
        <v>1524</v>
      </c>
      <c r="E221" s="3" t="s">
        <v>5460</v>
      </c>
      <c r="F221" s="6" t="s">
        <v>3008</v>
      </c>
      <c r="G221" s="3" t="s">
        <v>16</v>
      </c>
      <c r="H221" s="3" t="s">
        <v>24</v>
      </c>
      <c r="I221" s="3" t="s">
        <v>57</v>
      </c>
      <c r="J221" s="3" t="s">
        <v>3009</v>
      </c>
      <c r="K221" s="4">
        <v>43390</v>
      </c>
    </row>
    <row r="222" spans="1:11" ht="45" x14ac:dyDescent="0.25">
      <c r="A222" s="6" t="s">
        <v>5470</v>
      </c>
      <c r="B222" s="8" t="s">
        <v>12</v>
      </c>
      <c r="C222" s="8" t="s">
        <v>4215</v>
      </c>
      <c r="D222" s="8">
        <v>1698</v>
      </c>
      <c r="E222" s="3" t="s">
        <v>13</v>
      </c>
      <c r="F222" s="6" t="s">
        <v>5471</v>
      </c>
      <c r="G222" s="3" t="s">
        <v>16</v>
      </c>
      <c r="H222" s="3" t="s">
        <v>1724</v>
      </c>
      <c r="I222" s="3" t="s">
        <v>57</v>
      </c>
      <c r="J222" s="3" t="s">
        <v>5472</v>
      </c>
      <c r="K222" s="4">
        <v>43390</v>
      </c>
    </row>
    <row r="223" spans="1:11" x14ac:dyDescent="0.25">
      <c r="A223" s="6" t="s">
        <v>5497</v>
      </c>
      <c r="B223" s="8" t="s">
        <v>12</v>
      </c>
      <c r="C223" s="8" t="s">
        <v>5498</v>
      </c>
      <c r="D223" s="8">
        <v>1543</v>
      </c>
      <c r="E223" s="3" t="s">
        <v>1730</v>
      </c>
      <c r="F223" s="6" t="s">
        <v>5499</v>
      </c>
      <c r="G223" s="3" t="s">
        <v>16</v>
      </c>
      <c r="H223" s="3" t="s">
        <v>24</v>
      </c>
      <c r="I223" s="3" t="s">
        <v>52</v>
      </c>
      <c r="J223" s="3" t="s">
        <v>1732</v>
      </c>
      <c r="K223" s="4">
        <v>43390</v>
      </c>
    </row>
    <row r="224" spans="1:11" ht="120" x14ac:dyDescent="0.25">
      <c r="A224" s="6" t="s">
        <v>5537</v>
      </c>
      <c r="B224" s="8" t="s">
        <v>12</v>
      </c>
      <c r="C224" s="8" t="s">
        <v>13</v>
      </c>
      <c r="D224" s="8">
        <v>1510</v>
      </c>
      <c r="E224" s="3" t="s">
        <v>5538</v>
      </c>
      <c r="F224" s="6" t="s">
        <v>1386</v>
      </c>
      <c r="G224" s="3" t="s">
        <v>16</v>
      </c>
      <c r="H224" s="3" t="s">
        <v>24</v>
      </c>
      <c r="I224" s="3" t="s">
        <v>171</v>
      </c>
      <c r="J224" s="3" t="s">
        <v>5539</v>
      </c>
      <c r="K224" s="4">
        <v>43390</v>
      </c>
    </row>
    <row r="225" spans="1:11" ht="150" x14ac:dyDescent="0.25">
      <c r="A225" s="6" t="s">
        <v>5583</v>
      </c>
      <c r="B225" s="8" t="s">
        <v>12</v>
      </c>
      <c r="C225" s="8">
        <v>1665</v>
      </c>
      <c r="D225" s="8">
        <v>1665</v>
      </c>
      <c r="E225" s="3" t="s">
        <v>5584</v>
      </c>
      <c r="F225" s="6" t="s">
        <v>5585</v>
      </c>
      <c r="G225" s="3" t="s">
        <v>16</v>
      </c>
      <c r="H225" s="3" t="s">
        <v>45</v>
      </c>
      <c r="I225" s="3" t="s">
        <v>18</v>
      </c>
      <c r="J225" s="3" t="s">
        <v>13</v>
      </c>
      <c r="K225" s="4">
        <v>43390</v>
      </c>
    </row>
    <row r="226" spans="1:11" ht="75" x14ac:dyDescent="0.25">
      <c r="A226" s="6" t="s">
        <v>5594</v>
      </c>
      <c r="B226" s="8" t="s">
        <v>12</v>
      </c>
      <c r="C226" s="8" t="s">
        <v>1543</v>
      </c>
      <c r="D226" s="8">
        <v>1639</v>
      </c>
      <c r="E226" s="3" t="s">
        <v>5595</v>
      </c>
      <c r="F226" s="6" t="s">
        <v>5596</v>
      </c>
      <c r="G226" s="3" t="s">
        <v>16</v>
      </c>
      <c r="H226" s="3" t="s">
        <v>24</v>
      </c>
      <c r="I226" s="3" t="s">
        <v>52</v>
      </c>
      <c r="J226" s="3" t="s">
        <v>5597</v>
      </c>
      <c r="K226" s="4">
        <v>43390</v>
      </c>
    </row>
    <row r="227" spans="1:11" ht="45" x14ac:dyDescent="0.25">
      <c r="A227" s="6" t="s">
        <v>5598</v>
      </c>
      <c r="B227" s="8" t="s">
        <v>12</v>
      </c>
      <c r="C227" s="8" t="s">
        <v>13</v>
      </c>
      <c r="D227" s="8">
        <v>1913</v>
      </c>
      <c r="E227" s="3" t="s">
        <v>13</v>
      </c>
      <c r="F227" s="6" t="s">
        <v>5599</v>
      </c>
      <c r="G227" s="3" t="s">
        <v>16</v>
      </c>
      <c r="H227" s="3" t="s">
        <v>17</v>
      </c>
      <c r="I227" s="3" t="s">
        <v>18</v>
      </c>
      <c r="J227" s="3" t="s">
        <v>5600</v>
      </c>
      <c r="K227" s="4">
        <v>43390</v>
      </c>
    </row>
    <row r="228" spans="1:11" ht="30" x14ac:dyDescent="0.25">
      <c r="A228" s="6" t="s">
        <v>5609</v>
      </c>
      <c r="B228" s="8" t="s">
        <v>12</v>
      </c>
      <c r="C228" s="8" t="s">
        <v>5097</v>
      </c>
      <c r="D228" s="8">
        <v>1548</v>
      </c>
      <c r="E228" s="3" t="s">
        <v>3125</v>
      </c>
      <c r="F228" s="6" t="s">
        <v>3126</v>
      </c>
      <c r="G228" s="3" t="s">
        <v>16</v>
      </c>
      <c r="H228" s="3" t="s">
        <v>30</v>
      </c>
      <c r="I228" s="3" t="s">
        <v>2062</v>
      </c>
      <c r="J228" s="3" t="s">
        <v>13</v>
      </c>
      <c r="K228" s="4">
        <v>43390</v>
      </c>
    </row>
    <row r="229" spans="1:11" ht="150" x14ac:dyDescent="0.25">
      <c r="A229" s="6" t="s">
        <v>5678</v>
      </c>
      <c r="B229" s="8" t="s">
        <v>12</v>
      </c>
      <c r="C229" s="8">
        <v>1807</v>
      </c>
      <c r="D229" s="8">
        <v>1807</v>
      </c>
      <c r="E229" s="3" t="s">
        <v>5679</v>
      </c>
      <c r="F229" s="6" t="s">
        <v>5680</v>
      </c>
      <c r="G229" s="3" t="s">
        <v>16</v>
      </c>
      <c r="H229" s="3" t="s">
        <v>24</v>
      </c>
      <c r="I229" s="3" t="s">
        <v>57</v>
      </c>
      <c r="J229" s="3" t="s">
        <v>5681</v>
      </c>
      <c r="K229" s="4">
        <v>43390</v>
      </c>
    </row>
    <row r="230" spans="1:11" ht="30" x14ac:dyDescent="0.25">
      <c r="A230" s="6" t="s">
        <v>159</v>
      </c>
      <c r="B230" s="8" t="s">
        <v>12</v>
      </c>
      <c r="C230" s="8" t="s">
        <v>13</v>
      </c>
      <c r="D230" s="8">
        <v>1701</v>
      </c>
      <c r="E230" s="3" t="s">
        <v>160</v>
      </c>
      <c r="F230" s="6" t="s">
        <v>161</v>
      </c>
      <c r="G230" s="3" t="s">
        <v>16</v>
      </c>
      <c r="H230" s="3" t="s">
        <v>24</v>
      </c>
      <c r="I230" s="3" t="s">
        <v>57</v>
      </c>
      <c r="J230" s="3" t="s">
        <v>13</v>
      </c>
      <c r="K230" s="4">
        <v>43389</v>
      </c>
    </row>
    <row r="231" spans="1:11" ht="30" x14ac:dyDescent="0.25">
      <c r="A231" s="6" t="s">
        <v>267</v>
      </c>
      <c r="B231" s="8" t="s">
        <v>12</v>
      </c>
      <c r="C231" s="8" t="s">
        <v>268</v>
      </c>
      <c r="D231" s="8">
        <v>1713</v>
      </c>
      <c r="E231" s="3" t="s">
        <v>269</v>
      </c>
      <c r="F231" s="6" t="s">
        <v>270</v>
      </c>
      <c r="G231" s="3" t="s">
        <v>16</v>
      </c>
      <c r="H231" s="3" t="s">
        <v>24</v>
      </c>
      <c r="I231" s="3" t="s">
        <v>57</v>
      </c>
      <c r="J231" s="3" t="s">
        <v>271</v>
      </c>
      <c r="K231" s="4">
        <v>43389</v>
      </c>
    </row>
    <row r="232" spans="1:11" ht="30" x14ac:dyDescent="0.25">
      <c r="A232" s="6" t="s">
        <v>291</v>
      </c>
      <c r="B232" s="8" t="s">
        <v>12</v>
      </c>
      <c r="C232" s="8" t="s">
        <v>292</v>
      </c>
      <c r="D232" s="8">
        <v>1738</v>
      </c>
      <c r="E232" s="3" t="s">
        <v>293</v>
      </c>
      <c r="F232" s="6" t="s">
        <v>294</v>
      </c>
      <c r="G232" s="3" t="s">
        <v>16</v>
      </c>
      <c r="H232" s="3" t="s">
        <v>24</v>
      </c>
      <c r="I232" s="3" t="s">
        <v>57</v>
      </c>
      <c r="J232" s="3" t="s">
        <v>295</v>
      </c>
      <c r="K232" s="4">
        <v>43389</v>
      </c>
    </row>
    <row r="233" spans="1:11" ht="195" x14ac:dyDescent="0.25">
      <c r="A233" s="6" t="s">
        <v>309</v>
      </c>
      <c r="B233" s="8" t="s">
        <v>12</v>
      </c>
      <c r="C233" s="8">
        <v>1636</v>
      </c>
      <c r="D233" s="8">
        <v>1636</v>
      </c>
      <c r="E233" s="3" t="s">
        <v>310</v>
      </c>
      <c r="F233" s="6" t="s">
        <v>311</v>
      </c>
      <c r="G233" s="3" t="s">
        <v>16</v>
      </c>
      <c r="H233" s="3" t="s">
        <v>45</v>
      </c>
      <c r="I233" s="3" t="s">
        <v>18</v>
      </c>
      <c r="J233" s="3" t="s">
        <v>13</v>
      </c>
      <c r="K233" s="4">
        <v>43389</v>
      </c>
    </row>
    <row r="234" spans="1:11" x14ac:dyDescent="0.25">
      <c r="A234" s="6" t="s">
        <v>317</v>
      </c>
      <c r="B234" s="8" t="s">
        <v>12</v>
      </c>
      <c r="C234" s="8" t="s">
        <v>318</v>
      </c>
      <c r="D234" s="8" t="s">
        <v>319</v>
      </c>
      <c r="E234" s="3" t="s">
        <v>320</v>
      </c>
      <c r="F234" s="6" t="s">
        <v>321</v>
      </c>
      <c r="G234" s="3" t="s">
        <v>16</v>
      </c>
      <c r="H234" s="3" t="s">
        <v>24</v>
      </c>
      <c r="I234" s="3" t="s">
        <v>57</v>
      </c>
      <c r="J234" s="3" t="s">
        <v>322</v>
      </c>
      <c r="K234" s="4">
        <v>43389</v>
      </c>
    </row>
    <row r="235" spans="1:11" x14ac:dyDescent="0.25">
      <c r="A235" s="6" t="s">
        <v>330</v>
      </c>
      <c r="B235" s="8" t="s">
        <v>12</v>
      </c>
      <c r="C235" s="8" t="s">
        <v>331</v>
      </c>
      <c r="D235" s="8">
        <v>1664</v>
      </c>
      <c r="E235" s="3" t="s">
        <v>332</v>
      </c>
      <c r="F235" s="6" t="s">
        <v>333</v>
      </c>
      <c r="G235" s="3" t="s">
        <v>16</v>
      </c>
      <c r="H235" s="3" t="s">
        <v>24</v>
      </c>
      <c r="I235" s="3" t="s">
        <v>226</v>
      </c>
      <c r="J235" s="3" t="s">
        <v>334</v>
      </c>
      <c r="K235" s="4">
        <v>43389</v>
      </c>
    </row>
    <row r="236" spans="1:11" ht="120" x14ac:dyDescent="0.25">
      <c r="A236" s="6" t="s">
        <v>342</v>
      </c>
      <c r="B236" s="8" t="s">
        <v>12</v>
      </c>
      <c r="C236" s="8" t="s">
        <v>343</v>
      </c>
      <c r="D236" s="8" t="s">
        <v>344</v>
      </c>
      <c r="E236" s="3" t="s">
        <v>345</v>
      </c>
      <c r="F236" s="6" t="s">
        <v>346</v>
      </c>
      <c r="G236" s="3" t="s">
        <v>16</v>
      </c>
      <c r="H236" s="3" t="s">
        <v>17</v>
      </c>
      <c r="I236" s="3" t="s">
        <v>18</v>
      </c>
      <c r="J236" s="3" t="s">
        <v>13</v>
      </c>
      <c r="K236" s="4">
        <v>43389</v>
      </c>
    </row>
    <row r="237" spans="1:11" ht="30" x14ac:dyDescent="0.25">
      <c r="A237" s="6" t="s">
        <v>434</v>
      </c>
      <c r="B237" s="8" t="s">
        <v>12</v>
      </c>
      <c r="C237" s="8">
        <v>1798</v>
      </c>
      <c r="D237" s="8">
        <v>1798</v>
      </c>
      <c r="E237" s="3" t="s">
        <v>435</v>
      </c>
      <c r="F237" s="6" t="s">
        <v>436</v>
      </c>
      <c r="G237" s="3" t="s">
        <v>16</v>
      </c>
      <c r="H237" s="3" t="s">
        <v>17</v>
      </c>
      <c r="I237" s="3" t="s">
        <v>13</v>
      </c>
      <c r="J237" s="3" t="s">
        <v>437</v>
      </c>
      <c r="K237" s="4">
        <v>43389</v>
      </c>
    </row>
    <row r="238" spans="1:11" ht="75" x14ac:dyDescent="0.25">
      <c r="A238" s="6" t="s">
        <v>482</v>
      </c>
      <c r="B238" s="8" t="s">
        <v>12</v>
      </c>
      <c r="C238" s="8">
        <v>1856</v>
      </c>
      <c r="D238" s="8">
        <v>1856</v>
      </c>
      <c r="E238" s="3" t="s">
        <v>483</v>
      </c>
      <c r="F238" s="6" t="s">
        <v>154</v>
      </c>
      <c r="G238" s="3" t="s">
        <v>16</v>
      </c>
      <c r="H238" s="3" t="s">
        <v>17</v>
      </c>
      <c r="I238" s="3" t="s">
        <v>18</v>
      </c>
      <c r="J238" s="3" t="s">
        <v>13</v>
      </c>
      <c r="K238" s="4">
        <v>43389</v>
      </c>
    </row>
    <row r="239" spans="1:11" ht="30" x14ac:dyDescent="0.25">
      <c r="A239" s="6" t="s">
        <v>579</v>
      </c>
      <c r="B239" s="8" t="s">
        <v>12</v>
      </c>
      <c r="C239" s="8" t="s">
        <v>580</v>
      </c>
      <c r="D239" s="8" t="s">
        <v>581</v>
      </c>
      <c r="E239" s="3" t="s">
        <v>454</v>
      </c>
      <c r="F239" s="6" t="s">
        <v>582</v>
      </c>
      <c r="G239" s="3" t="s">
        <v>16</v>
      </c>
      <c r="H239" s="3" t="s">
        <v>24</v>
      </c>
      <c r="I239" s="3" t="s">
        <v>57</v>
      </c>
      <c r="J239" s="3" t="s">
        <v>13</v>
      </c>
      <c r="K239" s="4">
        <v>43389</v>
      </c>
    </row>
    <row r="240" spans="1:11" ht="135" x14ac:dyDescent="0.25">
      <c r="A240" s="6" t="s">
        <v>599</v>
      </c>
      <c r="B240" s="8" t="s">
        <v>12</v>
      </c>
      <c r="C240" s="8" t="s">
        <v>13</v>
      </c>
      <c r="D240" s="8">
        <v>1850</v>
      </c>
      <c r="E240" s="3" t="s">
        <v>600</v>
      </c>
      <c r="F240" s="6" t="s">
        <v>601</v>
      </c>
      <c r="G240" s="3" t="s">
        <v>16</v>
      </c>
      <c r="H240" s="3" t="s">
        <v>17</v>
      </c>
      <c r="I240" s="3" t="s">
        <v>602</v>
      </c>
      <c r="J240" s="3" t="s">
        <v>603</v>
      </c>
      <c r="K240" s="4">
        <v>43389</v>
      </c>
    </row>
    <row r="241" spans="1:11" x14ac:dyDescent="0.25">
      <c r="A241" s="6" t="s">
        <v>604</v>
      </c>
      <c r="B241" s="8" t="s">
        <v>12</v>
      </c>
      <c r="C241" s="8" t="s">
        <v>13</v>
      </c>
      <c r="D241" s="8">
        <v>1835</v>
      </c>
      <c r="E241" s="3" t="s">
        <v>13</v>
      </c>
      <c r="F241" s="6" t="s">
        <v>605</v>
      </c>
      <c r="G241" s="3" t="s">
        <v>16</v>
      </c>
      <c r="H241" s="3" t="s">
        <v>170</v>
      </c>
      <c r="I241" s="3" t="s">
        <v>171</v>
      </c>
      <c r="J241" s="3" t="s">
        <v>606</v>
      </c>
      <c r="K241" s="4">
        <v>43389</v>
      </c>
    </row>
    <row r="242" spans="1:11" ht="30" x14ac:dyDescent="0.25">
      <c r="A242" s="6" t="s">
        <v>719</v>
      </c>
      <c r="B242" s="8" t="s">
        <v>12</v>
      </c>
      <c r="C242" s="8" t="s">
        <v>720</v>
      </c>
      <c r="D242" s="8">
        <v>1787</v>
      </c>
      <c r="E242" s="3" t="s">
        <v>721</v>
      </c>
      <c r="F242" s="6" t="s">
        <v>722</v>
      </c>
      <c r="G242" s="3" t="s">
        <v>16</v>
      </c>
      <c r="H242" s="3" t="s">
        <v>170</v>
      </c>
      <c r="I242" s="3" t="s">
        <v>18</v>
      </c>
      <c r="J242" s="3" t="s">
        <v>13</v>
      </c>
      <c r="K242" s="4">
        <v>43389</v>
      </c>
    </row>
    <row r="243" spans="1:11" ht="60" x14ac:dyDescent="0.25">
      <c r="A243" s="6" t="s">
        <v>783</v>
      </c>
      <c r="B243" s="8" t="s">
        <v>12</v>
      </c>
      <c r="C243" s="8">
        <v>1800</v>
      </c>
      <c r="D243" s="8">
        <v>1800</v>
      </c>
      <c r="E243" s="3" t="s">
        <v>784</v>
      </c>
      <c r="F243" s="6" t="s">
        <v>785</v>
      </c>
      <c r="G243" s="3" t="s">
        <v>16</v>
      </c>
      <c r="H243" s="3" t="s">
        <v>17</v>
      </c>
      <c r="I243" s="3" t="s">
        <v>250</v>
      </c>
      <c r="J243" s="3" t="s">
        <v>786</v>
      </c>
      <c r="K243" s="4">
        <v>43389</v>
      </c>
    </row>
    <row r="244" spans="1:11" ht="30" x14ac:dyDescent="0.25">
      <c r="A244" s="6" t="s">
        <v>799</v>
      </c>
      <c r="B244" s="8" t="s">
        <v>12</v>
      </c>
      <c r="C244" s="8">
        <v>1575</v>
      </c>
      <c r="D244" s="8">
        <v>1575</v>
      </c>
      <c r="E244" s="3" t="s">
        <v>800</v>
      </c>
      <c r="F244" s="6" t="s">
        <v>801</v>
      </c>
      <c r="G244" s="3" t="s">
        <v>16</v>
      </c>
      <c r="H244" s="3" t="s">
        <v>24</v>
      </c>
      <c r="I244" s="3" t="s">
        <v>57</v>
      </c>
      <c r="J244" s="3" t="s">
        <v>802</v>
      </c>
      <c r="K244" s="4">
        <v>43389</v>
      </c>
    </row>
    <row r="245" spans="1:11" ht="45" x14ac:dyDescent="0.25">
      <c r="A245" s="6" t="s">
        <v>825</v>
      </c>
      <c r="B245" s="8" t="s">
        <v>12</v>
      </c>
      <c r="C245" s="8" t="s">
        <v>826</v>
      </c>
      <c r="D245" s="8">
        <v>1650</v>
      </c>
      <c r="E245" s="3" t="s">
        <v>71</v>
      </c>
      <c r="F245" s="6" t="s">
        <v>827</v>
      </c>
      <c r="G245" s="3" t="s">
        <v>16</v>
      </c>
      <c r="H245" s="3" t="s">
        <v>24</v>
      </c>
      <c r="I245" s="3" t="s">
        <v>57</v>
      </c>
      <c r="J245" s="3" t="s">
        <v>13</v>
      </c>
      <c r="K245" s="4">
        <v>43389</v>
      </c>
    </row>
    <row r="246" spans="1:11" ht="60" x14ac:dyDescent="0.25">
      <c r="A246" s="6" t="s">
        <v>828</v>
      </c>
      <c r="B246" s="8" t="s">
        <v>12</v>
      </c>
      <c r="C246" s="8" t="s">
        <v>13</v>
      </c>
      <c r="D246" s="8">
        <v>1722</v>
      </c>
      <c r="E246" s="3" t="s">
        <v>829</v>
      </c>
      <c r="F246" s="6" t="s">
        <v>830</v>
      </c>
      <c r="G246" s="3" t="s">
        <v>16</v>
      </c>
      <c r="H246" s="3" t="s">
        <v>24</v>
      </c>
      <c r="I246" s="3" t="s">
        <v>57</v>
      </c>
      <c r="J246" s="3" t="s">
        <v>831</v>
      </c>
      <c r="K246" s="4">
        <v>43389</v>
      </c>
    </row>
    <row r="247" spans="1:11" x14ac:dyDescent="0.25">
      <c r="A247" s="6" t="s">
        <v>867</v>
      </c>
      <c r="B247" s="8" t="s">
        <v>12</v>
      </c>
      <c r="C247" s="8" t="s">
        <v>868</v>
      </c>
      <c r="D247" s="8">
        <v>1669</v>
      </c>
      <c r="E247" s="3" t="s">
        <v>332</v>
      </c>
      <c r="F247" s="6" t="s">
        <v>869</v>
      </c>
      <c r="G247" s="3" t="s">
        <v>16</v>
      </c>
      <c r="H247" s="3" t="s">
        <v>24</v>
      </c>
      <c r="I247" s="3" t="s">
        <v>226</v>
      </c>
      <c r="J247" s="3" t="s">
        <v>870</v>
      </c>
      <c r="K247" s="4">
        <v>43389</v>
      </c>
    </row>
    <row r="248" spans="1:11" x14ac:dyDescent="0.25">
      <c r="A248" s="6" t="s">
        <v>892</v>
      </c>
      <c r="B248" s="8" t="s">
        <v>12</v>
      </c>
      <c r="C248" s="8" t="s">
        <v>893</v>
      </c>
      <c r="D248" s="8">
        <v>1688</v>
      </c>
      <c r="E248" s="3" t="s">
        <v>224</v>
      </c>
      <c r="F248" s="6" t="s">
        <v>894</v>
      </c>
      <c r="G248" s="3" t="s">
        <v>16</v>
      </c>
      <c r="H248" s="3" t="s">
        <v>24</v>
      </c>
      <c r="I248" s="3" t="s">
        <v>226</v>
      </c>
      <c r="J248" s="3" t="s">
        <v>895</v>
      </c>
      <c r="K248" s="4">
        <v>43389</v>
      </c>
    </row>
    <row r="249" spans="1:11" ht="90" x14ac:dyDescent="0.25">
      <c r="A249" s="6" t="s">
        <v>916</v>
      </c>
      <c r="B249" s="8" t="s">
        <v>12</v>
      </c>
      <c r="C249" s="8" t="s">
        <v>917</v>
      </c>
      <c r="D249" s="8" t="s">
        <v>918</v>
      </c>
      <c r="E249" s="3" t="s">
        <v>13</v>
      </c>
      <c r="F249" s="6" t="s">
        <v>919</v>
      </c>
      <c r="G249" s="3" t="s">
        <v>16</v>
      </c>
      <c r="H249" s="3" t="s">
        <v>24</v>
      </c>
      <c r="I249" s="3" t="s">
        <v>57</v>
      </c>
      <c r="J249" s="3" t="s">
        <v>920</v>
      </c>
      <c r="K249" s="4">
        <v>43389</v>
      </c>
    </row>
    <row r="250" spans="1:11" ht="30" x14ac:dyDescent="0.25">
      <c r="A250" s="6" t="s">
        <v>947</v>
      </c>
      <c r="B250" s="8" t="s">
        <v>12</v>
      </c>
      <c r="C250" s="8" t="s">
        <v>948</v>
      </c>
      <c r="D250" s="8" t="s">
        <v>949</v>
      </c>
      <c r="E250" s="3" t="s">
        <v>950</v>
      </c>
      <c r="F250" s="6" t="s">
        <v>951</v>
      </c>
      <c r="G250" s="3" t="s">
        <v>16</v>
      </c>
      <c r="H250" s="3" t="s">
        <v>24</v>
      </c>
      <c r="I250" s="3" t="s">
        <v>52</v>
      </c>
      <c r="J250" s="3" t="s">
        <v>952</v>
      </c>
      <c r="K250" s="4">
        <v>43389</v>
      </c>
    </row>
    <row r="251" spans="1:11" ht="45" x14ac:dyDescent="0.25">
      <c r="A251" s="6" t="s">
        <v>1001</v>
      </c>
      <c r="B251" s="8" t="s">
        <v>12</v>
      </c>
      <c r="C251" s="8" t="s">
        <v>247</v>
      </c>
      <c r="D251" s="8">
        <v>1761</v>
      </c>
      <c r="E251" s="3" t="s">
        <v>248</v>
      </c>
      <c r="F251" s="6" t="s">
        <v>1002</v>
      </c>
      <c r="G251" s="3" t="s">
        <v>16</v>
      </c>
      <c r="H251" s="3" t="s">
        <v>24</v>
      </c>
      <c r="I251" s="3" t="s">
        <v>250</v>
      </c>
      <c r="J251" s="3" t="s">
        <v>1003</v>
      </c>
      <c r="K251" s="4">
        <v>43389</v>
      </c>
    </row>
    <row r="252" spans="1:11" ht="135" x14ac:dyDescent="0.25">
      <c r="A252" s="6" t="s">
        <v>1029</v>
      </c>
      <c r="B252" s="8" t="s">
        <v>12</v>
      </c>
      <c r="C252" s="8" t="s">
        <v>13</v>
      </c>
      <c r="D252" s="8">
        <v>1848</v>
      </c>
      <c r="E252" s="3" t="s">
        <v>1030</v>
      </c>
      <c r="F252" s="6" t="s">
        <v>1031</v>
      </c>
      <c r="G252" s="3" t="s">
        <v>16</v>
      </c>
      <c r="H252" s="3" t="s">
        <v>17</v>
      </c>
      <c r="I252" s="3" t="s">
        <v>18</v>
      </c>
      <c r="J252" s="3" t="s">
        <v>13</v>
      </c>
      <c r="K252" s="4">
        <v>43389</v>
      </c>
    </row>
    <row r="253" spans="1:11" ht="30" x14ac:dyDescent="0.25">
      <c r="A253" s="6" t="s">
        <v>1321</v>
      </c>
      <c r="B253" s="8" t="s">
        <v>12</v>
      </c>
      <c r="C253" s="8" t="s">
        <v>1322</v>
      </c>
      <c r="D253" s="8" t="s">
        <v>1322</v>
      </c>
      <c r="E253" s="3" t="s">
        <v>13</v>
      </c>
      <c r="F253" s="6" t="s">
        <v>1323</v>
      </c>
      <c r="G253" s="3" t="s">
        <v>16</v>
      </c>
      <c r="H253" s="3" t="s">
        <v>17</v>
      </c>
      <c r="I253" s="3" t="s">
        <v>18</v>
      </c>
      <c r="J253" s="3" t="s">
        <v>1324</v>
      </c>
      <c r="K253" s="4">
        <v>43389</v>
      </c>
    </row>
    <row r="254" spans="1:11" ht="30" x14ac:dyDescent="0.25">
      <c r="A254" s="6" t="s">
        <v>1378</v>
      </c>
      <c r="B254" s="8" t="s">
        <v>12</v>
      </c>
      <c r="C254" s="8" t="s">
        <v>13</v>
      </c>
      <c r="D254" s="8">
        <v>1850</v>
      </c>
      <c r="E254" s="3" t="s">
        <v>770</v>
      </c>
      <c r="F254" s="6" t="s">
        <v>1379</v>
      </c>
      <c r="G254" s="3" t="s">
        <v>16</v>
      </c>
      <c r="H254" s="3" t="s">
        <v>30</v>
      </c>
      <c r="I254" s="3" t="s">
        <v>57</v>
      </c>
      <c r="J254" s="3" t="s">
        <v>32</v>
      </c>
      <c r="K254" s="4">
        <v>43389</v>
      </c>
    </row>
    <row r="255" spans="1:11" x14ac:dyDescent="0.25">
      <c r="A255" s="6" t="s">
        <v>1447</v>
      </c>
      <c r="B255" s="8" t="s">
        <v>12</v>
      </c>
      <c r="C255" s="8" t="s">
        <v>1448</v>
      </c>
      <c r="D255" s="8">
        <v>1671</v>
      </c>
      <c r="E255" s="3" t="s">
        <v>1449</v>
      </c>
      <c r="F255" s="6" t="s">
        <v>1450</v>
      </c>
      <c r="G255" s="3" t="s">
        <v>16</v>
      </c>
      <c r="H255" s="3" t="s">
        <v>24</v>
      </c>
      <c r="I255" s="3" t="s">
        <v>57</v>
      </c>
      <c r="J255" s="3" t="s">
        <v>13</v>
      </c>
      <c r="K255" s="4">
        <v>43389</v>
      </c>
    </row>
    <row r="256" spans="1:11" ht="150" x14ac:dyDescent="0.25">
      <c r="A256" s="6" t="s">
        <v>1451</v>
      </c>
      <c r="B256" s="8" t="s">
        <v>12</v>
      </c>
      <c r="C256" s="8">
        <v>1817</v>
      </c>
      <c r="D256" s="8">
        <v>1817</v>
      </c>
      <c r="E256" s="3" t="s">
        <v>1452</v>
      </c>
      <c r="F256" s="6" t="s">
        <v>1453</v>
      </c>
      <c r="G256" s="3" t="s">
        <v>16</v>
      </c>
      <c r="H256" s="3" t="s">
        <v>17</v>
      </c>
      <c r="I256" s="3" t="s">
        <v>18</v>
      </c>
      <c r="J256" s="3" t="s">
        <v>1454</v>
      </c>
      <c r="K256" s="4">
        <v>43389</v>
      </c>
    </row>
    <row r="257" spans="1:11" ht="60" x14ac:dyDescent="0.25">
      <c r="A257" s="6" t="s">
        <v>1458</v>
      </c>
      <c r="B257" s="8" t="s">
        <v>12</v>
      </c>
      <c r="C257" s="8" t="s">
        <v>13</v>
      </c>
      <c r="D257" s="8">
        <v>1822</v>
      </c>
      <c r="E257" s="3" t="s">
        <v>13</v>
      </c>
      <c r="F257" s="6" t="s">
        <v>1459</v>
      </c>
      <c r="G257" s="3" t="s">
        <v>16</v>
      </c>
      <c r="H257" s="3" t="s">
        <v>30</v>
      </c>
      <c r="I257" s="3" t="s">
        <v>57</v>
      </c>
      <c r="J257" s="3" t="s">
        <v>1460</v>
      </c>
      <c r="K257" s="4">
        <v>43389</v>
      </c>
    </row>
    <row r="258" spans="1:11" ht="120" x14ac:dyDescent="0.25">
      <c r="A258" s="6" t="s">
        <v>1555</v>
      </c>
      <c r="B258" s="8" t="s">
        <v>12</v>
      </c>
      <c r="C258" s="8" t="s">
        <v>13</v>
      </c>
      <c r="D258" s="8">
        <v>1846</v>
      </c>
      <c r="E258" s="3" t="s">
        <v>13</v>
      </c>
      <c r="F258" s="6" t="s">
        <v>1556</v>
      </c>
      <c r="G258" s="3" t="s">
        <v>16</v>
      </c>
      <c r="H258" s="3" t="s">
        <v>17</v>
      </c>
      <c r="I258" s="3" t="s">
        <v>57</v>
      </c>
      <c r="J258" s="3" t="s">
        <v>13</v>
      </c>
      <c r="K258" s="4">
        <v>43389</v>
      </c>
    </row>
    <row r="259" spans="1:11" ht="30" x14ac:dyDescent="0.25">
      <c r="A259" s="6" t="s">
        <v>1606</v>
      </c>
      <c r="B259" s="8" t="s">
        <v>12</v>
      </c>
      <c r="C259" s="8" t="s">
        <v>1607</v>
      </c>
      <c r="D259" s="8">
        <v>1710</v>
      </c>
      <c r="E259" s="3" t="s">
        <v>1608</v>
      </c>
      <c r="F259" s="6" t="s">
        <v>1609</v>
      </c>
      <c r="G259" s="3" t="s">
        <v>16</v>
      </c>
      <c r="H259" s="3" t="s">
        <v>24</v>
      </c>
      <c r="I259" s="3" t="s">
        <v>57</v>
      </c>
      <c r="J259" s="3" t="s">
        <v>13</v>
      </c>
      <c r="K259" s="4">
        <v>43389</v>
      </c>
    </row>
    <row r="260" spans="1:11" ht="150" x14ac:dyDescent="0.25">
      <c r="A260" s="6" t="s">
        <v>1635</v>
      </c>
      <c r="B260" s="8" t="s">
        <v>12</v>
      </c>
      <c r="C260" s="8" t="s">
        <v>1636</v>
      </c>
      <c r="D260" s="8">
        <v>1819</v>
      </c>
      <c r="E260" s="3" t="s">
        <v>13</v>
      </c>
      <c r="F260" s="6" t="s">
        <v>1637</v>
      </c>
      <c r="G260" s="3" t="s">
        <v>16</v>
      </c>
      <c r="H260" s="3" t="s">
        <v>17</v>
      </c>
      <c r="I260" s="3" t="s">
        <v>250</v>
      </c>
      <c r="J260" s="3" t="s">
        <v>1638</v>
      </c>
      <c r="K260" s="4">
        <v>43389</v>
      </c>
    </row>
    <row r="261" spans="1:11" ht="45" x14ac:dyDescent="0.25">
      <c r="A261" s="6" t="s">
        <v>1705</v>
      </c>
      <c r="B261" s="8" t="s">
        <v>12</v>
      </c>
      <c r="C261" s="8">
        <v>1918</v>
      </c>
      <c r="D261" s="8">
        <v>1918</v>
      </c>
      <c r="E261" s="3" t="s">
        <v>1706</v>
      </c>
      <c r="F261" s="6" t="s">
        <v>1707</v>
      </c>
      <c r="G261" s="3" t="s">
        <v>16</v>
      </c>
      <c r="H261" s="3" t="s">
        <v>17</v>
      </c>
      <c r="I261" s="3" t="s">
        <v>18</v>
      </c>
      <c r="J261" s="3" t="s">
        <v>1129</v>
      </c>
      <c r="K261" s="4">
        <v>43389</v>
      </c>
    </row>
    <row r="262" spans="1:11" ht="135" x14ac:dyDescent="0.25">
      <c r="A262" s="6" t="s">
        <v>1754</v>
      </c>
      <c r="B262" s="8" t="s">
        <v>12</v>
      </c>
      <c r="C262" s="8" t="s">
        <v>1755</v>
      </c>
      <c r="D262" s="8">
        <v>1705</v>
      </c>
      <c r="E262" s="3" t="s">
        <v>1367</v>
      </c>
      <c r="F262" s="6" t="s">
        <v>1756</v>
      </c>
      <c r="G262" s="3" t="s">
        <v>16</v>
      </c>
      <c r="H262" s="3" t="s">
        <v>24</v>
      </c>
      <c r="I262" s="3" t="s">
        <v>57</v>
      </c>
      <c r="J262" s="3" t="s">
        <v>13</v>
      </c>
      <c r="K262" s="4">
        <v>43389</v>
      </c>
    </row>
    <row r="263" spans="1:11" ht="30" x14ac:dyDescent="0.25">
      <c r="A263" s="6" t="s">
        <v>1797</v>
      </c>
      <c r="B263" s="8" t="s">
        <v>12</v>
      </c>
      <c r="C263" s="8" t="s">
        <v>1798</v>
      </c>
      <c r="D263" s="8">
        <v>1538</v>
      </c>
      <c r="E263" s="3" t="s">
        <v>1799</v>
      </c>
      <c r="F263" s="6" t="s">
        <v>263</v>
      </c>
      <c r="G263" s="3" t="s">
        <v>16</v>
      </c>
      <c r="H263" s="3" t="s">
        <v>24</v>
      </c>
      <c r="I263" s="3" t="s">
        <v>264</v>
      </c>
      <c r="J263" s="3"/>
      <c r="K263" s="4">
        <v>43389</v>
      </c>
    </row>
    <row r="264" spans="1:11" ht="60" x14ac:dyDescent="0.25">
      <c r="A264" s="6" t="s">
        <v>1810</v>
      </c>
      <c r="B264" s="8" t="s">
        <v>12</v>
      </c>
      <c r="C264" s="8" t="s">
        <v>401</v>
      </c>
      <c r="D264" s="8" t="s">
        <v>402</v>
      </c>
      <c r="E264" s="3" t="s">
        <v>50</v>
      </c>
      <c r="F264" s="6" t="s">
        <v>1811</v>
      </c>
      <c r="G264" s="3" t="s">
        <v>16</v>
      </c>
      <c r="H264" s="3" t="s">
        <v>24</v>
      </c>
      <c r="I264" s="3" t="s">
        <v>52</v>
      </c>
      <c r="J264" s="3" t="s">
        <v>1812</v>
      </c>
      <c r="K264" s="4">
        <v>43389</v>
      </c>
    </row>
    <row r="265" spans="1:11" ht="60" x14ac:dyDescent="0.25">
      <c r="A265" s="6" t="s">
        <v>1838</v>
      </c>
      <c r="B265" s="8" t="s">
        <v>12</v>
      </c>
      <c r="C265" s="8" t="s">
        <v>1839</v>
      </c>
      <c r="D265" s="8">
        <v>1714</v>
      </c>
      <c r="E265" s="3" t="s">
        <v>1840</v>
      </c>
      <c r="F265" s="6" t="s">
        <v>1841</v>
      </c>
      <c r="G265" s="3" t="s">
        <v>16</v>
      </c>
      <c r="H265" s="3" t="s">
        <v>17</v>
      </c>
      <c r="I265" s="3" t="s">
        <v>18</v>
      </c>
      <c r="J265" s="3" t="s">
        <v>13</v>
      </c>
      <c r="K265" s="4">
        <v>43389</v>
      </c>
    </row>
    <row r="266" spans="1:11" ht="30" x14ac:dyDescent="0.25">
      <c r="A266" s="6" t="s">
        <v>1859</v>
      </c>
      <c r="B266" s="8" t="s">
        <v>12</v>
      </c>
      <c r="C266" s="8" t="s">
        <v>13</v>
      </c>
      <c r="D266" s="8">
        <v>1673</v>
      </c>
      <c r="E266" s="3" t="s">
        <v>1860</v>
      </c>
      <c r="F266" s="6" t="s">
        <v>1861</v>
      </c>
      <c r="G266" s="3" t="s">
        <v>16</v>
      </c>
      <c r="H266" s="3" t="s">
        <v>24</v>
      </c>
      <c r="I266" s="3" t="s">
        <v>57</v>
      </c>
      <c r="J266" s="3" t="s">
        <v>13</v>
      </c>
      <c r="K266" s="4">
        <v>43389</v>
      </c>
    </row>
    <row r="267" spans="1:11" ht="30" x14ac:dyDescent="0.25">
      <c r="A267" s="6" t="s">
        <v>1870</v>
      </c>
      <c r="B267" s="8" t="s">
        <v>12</v>
      </c>
      <c r="C267" s="8" t="s">
        <v>13</v>
      </c>
      <c r="D267" s="8">
        <v>1849</v>
      </c>
      <c r="E267" s="3" t="s">
        <v>770</v>
      </c>
      <c r="F267" s="6" t="s">
        <v>1871</v>
      </c>
      <c r="G267" s="3" t="s">
        <v>16</v>
      </c>
      <c r="H267" s="3" t="s">
        <v>30</v>
      </c>
      <c r="I267" s="3" t="s">
        <v>57</v>
      </c>
      <c r="J267" s="3" t="s">
        <v>1872</v>
      </c>
      <c r="K267" s="4">
        <v>43389</v>
      </c>
    </row>
    <row r="268" spans="1:11" ht="120" x14ac:dyDescent="0.25">
      <c r="A268" s="6" t="s">
        <v>1904</v>
      </c>
      <c r="B268" s="8" t="s">
        <v>12</v>
      </c>
      <c r="C268" s="8">
        <v>1895</v>
      </c>
      <c r="D268" s="8">
        <v>1895</v>
      </c>
      <c r="E268" s="3" t="s">
        <v>1905</v>
      </c>
      <c r="F268" s="6" t="s">
        <v>1906</v>
      </c>
      <c r="G268" s="3" t="s">
        <v>16</v>
      </c>
      <c r="H268" s="3" t="s">
        <v>17</v>
      </c>
      <c r="I268" s="3" t="s">
        <v>18</v>
      </c>
      <c r="J268" s="3" t="s">
        <v>1907</v>
      </c>
      <c r="K268" s="4">
        <v>43389</v>
      </c>
    </row>
    <row r="269" spans="1:11" ht="30" x14ac:dyDescent="0.25">
      <c r="A269" s="6" t="s">
        <v>1910</v>
      </c>
      <c r="B269" s="8" t="s">
        <v>12</v>
      </c>
      <c r="C269" s="8">
        <v>1724</v>
      </c>
      <c r="D269" s="8">
        <v>1724</v>
      </c>
      <c r="E269" s="3" t="s">
        <v>1911</v>
      </c>
      <c r="F269" s="6" t="s">
        <v>1912</v>
      </c>
      <c r="G269" s="3" t="s">
        <v>16</v>
      </c>
      <c r="H269" s="3" t="s">
        <v>17</v>
      </c>
      <c r="I269" s="3" t="s">
        <v>18</v>
      </c>
      <c r="J269" s="3" t="s">
        <v>13</v>
      </c>
      <c r="K269" s="4">
        <v>43389</v>
      </c>
    </row>
    <row r="270" spans="1:11" x14ac:dyDescent="0.25">
      <c r="A270" s="6" t="s">
        <v>1989</v>
      </c>
      <c r="B270" s="8" t="s">
        <v>12</v>
      </c>
      <c r="C270" s="8" t="s">
        <v>13</v>
      </c>
      <c r="D270" s="8">
        <v>1703</v>
      </c>
      <c r="E270" s="3" t="s">
        <v>1990</v>
      </c>
      <c r="F270" s="6" t="s">
        <v>1991</v>
      </c>
      <c r="G270" s="3" t="s">
        <v>16</v>
      </c>
      <c r="H270" s="3" t="s">
        <v>24</v>
      </c>
      <c r="I270" s="3" t="s">
        <v>52</v>
      </c>
      <c r="J270" s="3" t="s">
        <v>1992</v>
      </c>
      <c r="K270" s="4">
        <v>43389</v>
      </c>
    </row>
    <row r="271" spans="1:11" ht="30" x14ac:dyDescent="0.25">
      <c r="A271" s="6" t="s">
        <v>2042</v>
      </c>
      <c r="B271" s="8" t="s">
        <v>12</v>
      </c>
      <c r="C271" s="8">
        <v>1668</v>
      </c>
      <c r="D271" s="8">
        <v>1668</v>
      </c>
      <c r="E271" s="3" t="s">
        <v>2043</v>
      </c>
      <c r="F271" s="6" t="s">
        <v>2044</v>
      </c>
      <c r="G271" s="3" t="s">
        <v>16</v>
      </c>
      <c r="H271" s="3" t="s">
        <v>45</v>
      </c>
      <c r="I271" s="3" t="s">
        <v>18</v>
      </c>
      <c r="J271" s="3" t="s">
        <v>2045</v>
      </c>
      <c r="K271" s="4">
        <v>43389</v>
      </c>
    </row>
    <row r="272" spans="1:11" ht="30" x14ac:dyDescent="0.25">
      <c r="A272" s="6" t="s">
        <v>2104</v>
      </c>
      <c r="B272" s="8" t="s">
        <v>12</v>
      </c>
      <c r="C272" s="8">
        <v>1855</v>
      </c>
      <c r="D272" s="8">
        <v>1855</v>
      </c>
      <c r="E272" s="3" t="s">
        <v>13</v>
      </c>
      <c r="F272" s="6" t="s">
        <v>2105</v>
      </c>
      <c r="G272" s="3" t="s">
        <v>16</v>
      </c>
      <c r="H272" s="3" t="s">
        <v>17</v>
      </c>
      <c r="I272" s="3" t="s">
        <v>18</v>
      </c>
      <c r="J272" s="3" t="s">
        <v>13</v>
      </c>
      <c r="K272" s="4">
        <v>43389</v>
      </c>
    </row>
    <row r="273" spans="1:11" ht="30" x14ac:dyDescent="0.25">
      <c r="A273" s="6" t="s">
        <v>2191</v>
      </c>
      <c r="B273" s="8" t="s">
        <v>12</v>
      </c>
      <c r="C273" s="8" t="s">
        <v>1178</v>
      </c>
      <c r="D273" s="8">
        <v>1535</v>
      </c>
      <c r="E273" s="3" t="s">
        <v>2192</v>
      </c>
      <c r="F273" s="6" t="s">
        <v>2193</v>
      </c>
      <c r="G273" s="3" t="s">
        <v>16</v>
      </c>
      <c r="H273" s="3" t="s">
        <v>24</v>
      </c>
      <c r="I273" s="3" t="s">
        <v>52</v>
      </c>
      <c r="J273" s="3" t="s">
        <v>2194</v>
      </c>
      <c r="K273" s="4">
        <v>43389</v>
      </c>
    </row>
    <row r="274" spans="1:11" ht="75" x14ac:dyDescent="0.25">
      <c r="A274" s="6" t="s">
        <v>2212</v>
      </c>
      <c r="B274" s="8" t="s">
        <v>12</v>
      </c>
      <c r="C274" s="8" t="s">
        <v>223</v>
      </c>
      <c r="D274" s="8">
        <v>1693</v>
      </c>
      <c r="E274" s="3" t="s">
        <v>13</v>
      </c>
      <c r="F274" s="6" t="s">
        <v>2213</v>
      </c>
      <c r="G274" s="3" t="s">
        <v>16</v>
      </c>
      <c r="H274" s="3" t="s">
        <v>17</v>
      </c>
      <c r="I274" s="3" t="s">
        <v>18</v>
      </c>
      <c r="J274" s="3"/>
      <c r="K274" s="4">
        <v>43389</v>
      </c>
    </row>
    <row r="275" spans="1:11" ht="30" x14ac:dyDescent="0.25">
      <c r="A275" s="6" t="s">
        <v>2235</v>
      </c>
      <c r="B275" s="8" t="s">
        <v>12</v>
      </c>
      <c r="C275" s="8" t="s">
        <v>13</v>
      </c>
      <c r="D275" s="8">
        <v>1685</v>
      </c>
      <c r="E275" s="3" t="s">
        <v>1019</v>
      </c>
      <c r="F275" s="6" t="s">
        <v>2236</v>
      </c>
      <c r="G275" s="3" t="s">
        <v>16</v>
      </c>
      <c r="H275" s="3" t="s">
        <v>24</v>
      </c>
      <c r="I275" s="3" t="s">
        <v>57</v>
      </c>
      <c r="J275" s="3" t="s">
        <v>2237</v>
      </c>
      <c r="K275" s="4">
        <v>43389</v>
      </c>
    </row>
    <row r="276" spans="1:11" x14ac:dyDescent="0.25">
      <c r="A276" s="6" t="s">
        <v>2295</v>
      </c>
      <c r="B276" s="8" t="s">
        <v>12</v>
      </c>
      <c r="C276" s="8" t="s">
        <v>2296</v>
      </c>
      <c r="D276" s="8">
        <v>1684</v>
      </c>
      <c r="E276" s="3" t="s">
        <v>2297</v>
      </c>
      <c r="F276" s="6" t="s">
        <v>2298</v>
      </c>
      <c r="G276" s="3" t="s">
        <v>16</v>
      </c>
      <c r="H276" s="3" t="s">
        <v>24</v>
      </c>
      <c r="I276" s="3" t="s">
        <v>57</v>
      </c>
      <c r="J276" s="3" t="s">
        <v>13</v>
      </c>
      <c r="K276" s="4">
        <v>43389</v>
      </c>
    </row>
    <row r="277" spans="1:11" ht="30" x14ac:dyDescent="0.25">
      <c r="A277" s="6" t="s">
        <v>2336</v>
      </c>
      <c r="B277" s="8" t="s">
        <v>12</v>
      </c>
      <c r="C277" s="8" t="s">
        <v>2337</v>
      </c>
      <c r="D277" s="8" t="s">
        <v>2338</v>
      </c>
      <c r="E277" s="3" t="s">
        <v>1860</v>
      </c>
      <c r="F277" s="6" t="s">
        <v>2339</v>
      </c>
      <c r="G277" s="3" t="s">
        <v>16</v>
      </c>
      <c r="H277" s="3" t="s">
        <v>24</v>
      </c>
      <c r="I277" s="3" t="s">
        <v>57</v>
      </c>
      <c r="J277" s="3" t="s">
        <v>2340</v>
      </c>
      <c r="K277" s="4">
        <v>43389</v>
      </c>
    </row>
    <row r="278" spans="1:11" ht="45" x14ac:dyDescent="0.25">
      <c r="A278" s="6" t="s">
        <v>2403</v>
      </c>
      <c r="B278" s="8" t="s">
        <v>12</v>
      </c>
      <c r="C278" s="8" t="s">
        <v>2404</v>
      </c>
      <c r="D278" s="8" t="s">
        <v>2405</v>
      </c>
      <c r="E278" s="3" t="s">
        <v>2397</v>
      </c>
      <c r="F278" s="6" t="s">
        <v>2406</v>
      </c>
      <c r="G278" s="3" t="s">
        <v>16</v>
      </c>
      <c r="H278" s="3" t="s">
        <v>24</v>
      </c>
      <c r="I278" s="3" t="s">
        <v>2407</v>
      </c>
      <c r="J278" s="3" t="s">
        <v>2408</v>
      </c>
      <c r="K278" s="4">
        <v>43389</v>
      </c>
    </row>
    <row r="279" spans="1:11" x14ac:dyDescent="0.25">
      <c r="A279" s="6" t="s">
        <v>2425</v>
      </c>
      <c r="B279" s="8" t="s">
        <v>12</v>
      </c>
      <c r="C279" s="8" t="s">
        <v>2426</v>
      </c>
      <c r="D279" s="8" t="s">
        <v>2427</v>
      </c>
      <c r="E279" s="3" t="s">
        <v>2428</v>
      </c>
      <c r="F279" s="6" t="s">
        <v>2429</v>
      </c>
      <c r="G279" s="3" t="s">
        <v>16</v>
      </c>
      <c r="H279" s="3" t="s">
        <v>170</v>
      </c>
      <c r="I279" s="3" t="s">
        <v>57</v>
      </c>
      <c r="J279" s="3" t="s">
        <v>2237</v>
      </c>
      <c r="K279" s="4">
        <v>43389</v>
      </c>
    </row>
    <row r="280" spans="1:11" ht="45" x14ac:dyDescent="0.25">
      <c r="A280" s="6" t="s">
        <v>2463</v>
      </c>
      <c r="B280" s="8" t="s">
        <v>12</v>
      </c>
      <c r="C280" s="8" t="s">
        <v>2464</v>
      </c>
      <c r="D280" s="8">
        <v>1660</v>
      </c>
      <c r="E280" s="3" t="s">
        <v>2465</v>
      </c>
      <c r="F280" s="6" t="s">
        <v>2466</v>
      </c>
      <c r="G280" s="3" t="s">
        <v>16</v>
      </c>
      <c r="H280" s="3" t="s">
        <v>24</v>
      </c>
      <c r="I280" s="3" t="s">
        <v>57</v>
      </c>
      <c r="J280" s="3" t="s">
        <v>13</v>
      </c>
      <c r="K280" s="4">
        <v>43389</v>
      </c>
    </row>
    <row r="281" spans="1:11" ht="45" x14ac:dyDescent="0.25">
      <c r="A281" s="6" t="s">
        <v>2489</v>
      </c>
      <c r="B281" s="8" t="s">
        <v>12</v>
      </c>
      <c r="C281" s="8" t="s">
        <v>2490</v>
      </c>
      <c r="D281" s="8">
        <v>1626</v>
      </c>
      <c r="E281" s="3" t="s">
        <v>2491</v>
      </c>
      <c r="F281" s="6" t="s">
        <v>2492</v>
      </c>
      <c r="G281" s="3" t="s">
        <v>16</v>
      </c>
      <c r="H281" s="3" t="s">
        <v>24</v>
      </c>
      <c r="I281" s="3" t="s">
        <v>57</v>
      </c>
      <c r="J281" s="3" t="s">
        <v>13</v>
      </c>
      <c r="K281" s="4">
        <v>43389</v>
      </c>
    </row>
    <row r="282" spans="1:11" ht="60" x14ac:dyDescent="0.25">
      <c r="A282" s="6" t="s">
        <v>2554</v>
      </c>
      <c r="B282" s="8" t="s">
        <v>12</v>
      </c>
      <c r="C282" s="8" t="s">
        <v>2555</v>
      </c>
      <c r="D282" s="8" t="s">
        <v>2556</v>
      </c>
      <c r="E282" s="3" t="s">
        <v>440</v>
      </c>
      <c r="F282" s="6" t="s">
        <v>2557</v>
      </c>
      <c r="G282" s="3" t="s">
        <v>16</v>
      </c>
      <c r="H282" s="3" t="s">
        <v>24</v>
      </c>
      <c r="I282" s="3" t="s">
        <v>18</v>
      </c>
      <c r="J282" s="3" t="s">
        <v>2558</v>
      </c>
      <c r="K282" s="4">
        <v>43389</v>
      </c>
    </row>
    <row r="283" spans="1:11" x14ac:dyDescent="0.25">
      <c r="A283" s="6" t="s">
        <v>2637</v>
      </c>
      <c r="B283" s="8" t="s">
        <v>12</v>
      </c>
      <c r="C283" s="8" t="s">
        <v>2638</v>
      </c>
      <c r="D283" s="8">
        <v>1689</v>
      </c>
      <c r="E283" s="3" t="s">
        <v>2639</v>
      </c>
      <c r="F283" s="6" t="s">
        <v>2640</v>
      </c>
      <c r="G283" s="3" t="s">
        <v>16</v>
      </c>
      <c r="H283" s="3" t="s">
        <v>30</v>
      </c>
      <c r="I283" s="3" t="s">
        <v>57</v>
      </c>
      <c r="J283" s="3" t="s">
        <v>2237</v>
      </c>
      <c r="K283" s="4">
        <v>43389</v>
      </c>
    </row>
    <row r="284" spans="1:11" ht="45" x14ac:dyDescent="0.25">
      <c r="A284" s="6" t="s">
        <v>2661</v>
      </c>
      <c r="B284" s="8" t="s">
        <v>12</v>
      </c>
      <c r="C284" s="8" t="s">
        <v>1697</v>
      </c>
      <c r="D284" s="8">
        <v>1553</v>
      </c>
      <c r="E284" s="3" t="s">
        <v>2662</v>
      </c>
      <c r="F284" s="6" t="s">
        <v>2663</v>
      </c>
      <c r="G284" s="3" t="s">
        <v>16</v>
      </c>
      <c r="H284" s="3" t="s">
        <v>24</v>
      </c>
      <c r="I284" s="3" t="s">
        <v>2062</v>
      </c>
      <c r="J284" s="3"/>
      <c r="K284" s="4">
        <v>43389</v>
      </c>
    </row>
    <row r="285" spans="1:11" x14ac:dyDescent="0.25">
      <c r="A285" s="6" t="s">
        <v>2693</v>
      </c>
      <c r="B285" s="8" t="s">
        <v>12</v>
      </c>
      <c r="C285" s="8" t="s">
        <v>13</v>
      </c>
      <c r="D285" s="8">
        <v>1847</v>
      </c>
      <c r="E285" s="3" t="s">
        <v>2694</v>
      </c>
      <c r="F285" s="6" t="s">
        <v>2695</v>
      </c>
      <c r="G285" s="3" t="s">
        <v>16</v>
      </c>
      <c r="H285" s="3" t="s">
        <v>17</v>
      </c>
      <c r="I285" s="3" t="s">
        <v>18</v>
      </c>
      <c r="J285" s="3" t="s">
        <v>2696</v>
      </c>
      <c r="K285" s="4">
        <v>43389</v>
      </c>
    </row>
    <row r="286" spans="1:11" ht="105" x14ac:dyDescent="0.25">
      <c r="A286" s="6" t="s">
        <v>2711</v>
      </c>
      <c r="B286" s="8" t="s">
        <v>12</v>
      </c>
      <c r="C286" s="8">
        <v>1851</v>
      </c>
      <c r="D286" s="8">
        <v>1851</v>
      </c>
      <c r="E286" s="3" t="s">
        <v>2712</v>
      </c>
      <c r="F286" s="6" t="s">
        <v>2713</v>
      </c>
      <c r="G286" s="3" t="s">
        <v>16</v>
      </c>
      <c r="H286" s="3" t="s">
        <v>17</v>
      </c>
      <c r="I286" s="3" t="s">
        <v>18</v>
      </c>
      <c r="J286" s="3" t="s">
        <v>13</v>
      </c>
      <c r="K286" s="4">
        <v>43389</v>
      </c>
    </row>
    <row r="287" spans="1:11" ht="30" x14ac:dyDescent="0.25">
      <c r="A287" s="6" t="s">
        <v>2760</v>
      </c>
      <c r="B287" s="8" t="s">
        <v>12</v>
      </c>
      <c r="C287" s="8" t="s">
        <v>2761</v>
      </c>
      <c r="D287" s="8">
        <v>1572</v>
      </c>
      <c r="E287" s="3" t="s">
        <v>2762</v>
      </c>
      <c r="F287" s="6" t="s">
        <v>2763</v>
      </c>
      <c r="G287" s="3" t="s">
        <v>16</v>
      </c>
      <c r="H287" s="3" t="s">
        <v>30</v>
      </c>
      <c r="I287" s="3" t="s">
        <v>57</v>
      </c>
      <c r="J287" s="3" t="s">
        <v>2764</v>
      </c>
      <c r="K287" s="4">
        <v>43389</v>
      </c>
    </row>
    <row r="288" spans="1:11" x14ac:dyDescent="0.25">
      <c r="A288" s="6" t="s">
        <v>2823</v>
      </c>
      <c r="B288" s="8" t="s">
        <v>12</v>
      </c>
      <c r="C288" s="8" t="s">
        <v>13</v>
      </c>
      <c r="D288" s="8">
        <v>1850</v>
      </c>
      <c r="E288" s="3" t="s">
        <v>770</v>
      </c>
      <c r="F288" s="6" t="s">
        <v>2824</v>
      </c>
      <c r="G288" s="3" t="s">
        <v>16</v>
      </c>
      <c r="H288" s="3" t="s">
        <v>30</v>
      </c>
      <c r="I288" s="3" t="s">
        <v>57</v>
      </c>
      <c r="J288" s="3" t="s">
        <v>32</v>
      </c>
      <c r="K288" s="4">
        <v>43389</v>
      </c>
    </row>
    <row r="289" spans="1:11" x14ac:dyDescent="0.25">
      <c r="A289" s="6" t="s">
        <v>2843</v>
      </c>
      <c r="B289" s="8" t="s">
        <v>12</v>
      </c>
      <c r="C289" s="8" t="s">
        <v>1607</v>
      </c>
      <c r="D289" s="8">
        <v>1710</v>
      </c>
      <c r="E289" s="3" t="s">
        <v>224</v>
      </c>
      <c r="F289" s="6" t="s">
        <v>2844</v>
      </c>
      <c r="G289" s="3" t="s">
        <v>16</v>
      </c>
      <c r="H289" s="3" t="s">
        <v>760</v>
      </c>
      <c r="I289" s="3" t="s">
        <v>226</v>
      </c>
      <c r="J289" s="3" t="s">
        <v>2845</v>
      </c>
      <c r="K289" s="4">
        <v>43389</v>
      </c>
    </row>
    <row r="290" spans="1:11" ht="30" x14ac:dyDescent="0.25">
      <c r="A290" s="6" t="s">
        <v>2873</v>
      </c>
      <c r="B290" s="8" t="s">
        <v>12</v>
      </c>
      <c r="C290" s="8">
        <v>1801</v>
      </c>
      <c r="D290" s="8">
        <v>1801</v>
      </c>
      <c r="E290" s="3" t="s">
        <v>2874</v>
      </c>
      <c r="F290" s="6" t="s">
        <v>2875</v>
      </c>
      <c r="G290" s="3" t="s">
        <v>16</v>
      </c>
      <c r="H290" s="3" t="s">
        <v>17</v>
      </c>
      <c r="I290" s="3" t="s">
        <v>2124</v>
      </c>
      <c r="J290" s="3" t="s">
        <v>2876</v>
      </c>
      <c r="K290" s="4">
        <v>43389</v>
      </c>
    </row>
    <row r="291" spans="1:11" ht="75" x14ac:dyDescent="0.25">
      <c r="A291" s="6" t="s">
        <v>2924</v>
      </c>
      <c r="B291" s="8" t="s">
        <v>12</v>
      </c>
      <c r="C291" s="8" t="s">
        <v>2232</v>
      </c>
      <c r="D291" s="8">
        <v>1681</v>
      </c>
      <c r="E291" s="3" t="s">
        <v>2925</v>
      </c>
      <c r="F291" s="6" t="s">
        <v>2926</v>
      </c>
      <c r="G291" s="3" t="s">
        <v>16</v>
      </c>
      <c r="H291" s="3" t="s">
        <v>24</v>
      </c>
      <c r="I291" s="3" t="s">
        <v>57</v>
      </c>
      <c r="J291" s="3" t="s">
        <v>13</v>
      </c>
      <c r="K291" s="4">
        <v>43389</v>
      </c>
    </row>
    <row r="292" spans="1:11" x14ac:dyDescent="0.25">
      <c r="A292" s="6" t="s">
        <v>2948</v>
      </c>
      <c r="B292" s="8" t="s">
        <v>12</v>
      </c>
      <c r="C292" s="8" t="s">
        <v>1044</v>
      </c>
      <c r="D292" s="8">
        <v>1570</v>
      </c>
      <c r="E292" s="3" t="s">
        <v>13</v>
      </c>
      <c r="F292" s="6" t="s">
        <v>2949</v>
      </c>
      <c r="G292" s="3" t="s">
        <v>16</v>
      </c>
      <c r="H292" s="3" t="s">
        <v>30</v>
      </c>
      <c r="I292" s="3" t="s">
        <v>57</v>
      </c>
      <c r="J292" s="3" t="s">
        <v>2950</v>
      </c>
      <c r="K292" s="4">
        <v>43389</v>
      </c>
    </row>
    <row r="293" spans="1:11" x14ac:dyDescent="0.25">
      <c r="A293" s="6" t="s">
        <v>2959</v>
      </c>
      <c r="B293" s="8" t="s">
        <v>12</v>
      </c>
      <c r="C293" s="8" t="s">
        <v>2960</v>
      </c>
      <c r="D293" s="8">
        <v>1698</v>
      </c>
      <c r="E293" s="3" t="s">
        <v>2928</v>
      </c>
      <c r="F293" s="6" t="s">
        <v>2961</v>
      </c>
      <c r="G293" s="3" t="s">
        <v>16</v>
      </c>
      <c r="H293" s="3" t="s">
        <v>24</v>
      </c>
      <c r="I293" s="3" t="s">
        <v>57</v>
      </c>
      <c r="J293" s="3" t="s">
        <v>13</v>
      </c>
      <c r="K293" s="4">
        <v>43389</v>
      </c>
    </row>
    <row r="294" spans="1:11" ht="30" x14ac:dyDescent="0.25">
      <c r="A294" s="6" t="s">
        <v>3016</v>
      </c>
      <c r="B294" s="8" t="s">
        <v>12</v>
      </c>
      <c r="C294" s="8" t="s">
        <v>1672</v>
      </c>
      <c r="D294" s="8">
        <v>1595</v>
      </c>
      <c r="E294" s="3" t="s">
        <v>3017</v>
      </c>
      <c r="F294" s="6" t="s">
        <v>3018</v>
      </c>
      <c r="G294" s="3" t="s">
        <v>16</v>
      </c>
      <c r="H294" s="3" t="s">
        <v>30</v>
      </c>
      <c r="I294" s="3" t="s">
        <v>57</v>
      </c>
      <c r="J294" s="3" t="s">
        <v>3019</v>
      </c>
      <c r="K294" s="4">
        <v>43389</v>
      </c>
    </row>
    <row r="295" spans="1:11" ht="75" x14ac:dyDescent="0.25">
      <c r="A295" s="6" t="s">
        <v>3026</v>
      </c>
      <c r="B295" s="8" t="s">
        <v>12</v>
      </c>
      <c r="C295" s="8">
        <v>1836</v>
      </c>
      <c r="D295" s="8">
        <v>1836</v>
      </c>
      <c r="E295" s="3" t="s">
        <v>3027</v>
      </c>
      <c r="F295" s="6" t="s">
        <v>3028</v>
      </c>
      <c r="G295" s="3" t="s">
        <v>16</v>
      </c>
      <c r="H295" s="3" t="s">
        <v>17</v>
      </c>
      <c r="I295" s="3" t="s">
        <v>18</v>
      </c>
      <c r="J295" s="3" t="s">
        <v>3029</v>
      </c>
      <c r="K295" s="4">
        <v>43389</v>
      </c>
    </row>
    <row r="296" spans="1:11" ht="120" x14ac:dyDescent="0.25">
      <c r="A296" s="6" t="s">
        <v>3106</v>
      </c>
      <c r="B296" s="8" t="s">
        <v>12</v>
      </c>
      <c r="C296" s="8">
        <v>1896</v>
      </c>
      <c r="D296" s="8">
        <v>1896</v>
      </c>
      <c r="E296" s="3" t="s">
        <v>13</v>
      </c>
      <c r="F296" s="6" t="s">
        <v>1906</v>
      </c>
      <c r="G296" s="3" t="s">
        <v>16</v>
      </c>
      <c r="H296" s="3" t="s">
        <v>17</v>
      </c>
      <c r="I296" s="3" t="s">
        <v>18</v>
      </c>
      <c r="J296" s="3" t="s">
        <v>1907</v>
      </c>
      <c r="K296" s="4">
        <v>43389</v>
      </c>
    </row>
    <row r="297" spans="1:11" x14ac:dyDescent="0.25">
      <c r="A297" s="6" t="s">
        <v>3224</v>
      </c>
      <c r="B297" s="8" t="s">
        <v>12</v>
      </c>
      <c r="C297" s="8" t="s">
        <v>3203</v>
      </c>
      <c r="D297" s="8">
        <v>1670</v>
      </c>
      <c r="E297" s="3" t="s">
        <v>3225</v>
      </c>
      <c r="F297" s="6" t="s">
        <v>3226</v>
      </c>
      <c r="G297" s="3" t="s">
        <v>16</v>
      </c>
      <c r="H297" s="3" t="s">
        <v>24</v>
      </c>
      <c r="I297" s="3" t="s">
        <v>18</v>
      </c>
      <c r="J297" s="3" t="s">
        <v>3227</v>
      </c>
      <c r="K297" s="4">
        <v>43389</v>
      </c>
    </row>
    <row r="298" spans="1:11" ht="30" x14ac:dyDescent="0.25">
      <c r="A298" s="6" t="s">
        <v>3231</v>
      </c>
      <c r="B298" s="8" t="s">
        <v>12</v>
      </c>
      <c r="C298" s="8" t="s">
        <v>1945</v>
      </c>
      <c r="D298" s="8">
        <v>1643</v>
      </c>
      <c r="E298" s="3" t="s">
        <v>1946</v>
      </c>
      <c r="F298" s="6" t="s">
        <v>1947</v>
      </c>
      <c r="G298" s="3" t="s">
        <v>16</v>
      </c>
      <c r="H298" s="3" t="s">
        <v>24</v>
      </c>
      <c r="I298" s="3" t="s">
        <v>203</v>
      </c>
      <c r="J298" s="3" t="s">
        <v>1948</v>
      </c>
      <c r="K298" s="4">
        <v>43389</v>
      </c>
    </row>
    <row r="299" spans="1:11" ht="90" x14ac:dyDescent="0.25">
      <c r="A299" s="6" t="s">
        <v>3258</v>
      </c>
      <c r="B299" s="8" t="s">
        <v>12</v>
      </c>
      <c r="C299" s="8" t="s">
        <v>407</v>
      </c>
      <c r="D299" s="8">
        <v>1837</v>
      </c>
      <c r="E299" s="3" t="s">
        <v>3259</v>
      </c>
      <c r="F299" s="6" t="s">
        <v>3260</v>
      </c>
      <c r="G299" s="3" t="s">
        <v>16</v>
      </c>
      <c r="H299" s="3" t="s">
        <v>17</v>
      </c>
      <c r="I299" s="3" t="s">
        <v>542</v>
      </c>
      <c r="J299" s="3" t="s">
        <v>3261</v>
      </c>
      <c r="K299" s="4">
        <v>43389</v>
      </c>
    </row>
    <row r="300" spans="1:11" ht="45" x14ac:dyDescent="0.25">
      <c r="A300" s="6" t="s">
        <v>3306</v>
      </c>
      <c r="B300" s="8" t="s">
        <v>12</v>
      </c>
      <c r="C300" s="8" t="s">
        <v>1044</v>
      </c>
      <c r="D300" s="8">
        <v>1570</v>
      </c>
      <c r="E300" s="3" t="s">
        <v>3307</v>
      </c>
      <c r="F300" s="6" t="s">
        <v>3308</v>
      </c>
      <c r="G300" s="3" t="s">
        <v>16</v>
      </c>
      <c r="H300" s="3" t="s">
        <v>24</v>
      </c>
      <c r="I300" s="3" t="s">
        <v>220</v>
      </c>
      <c r="J300" s="3" t="s">
        <v>1490</v>
      </c>
      <c r="K300" s="4">
        <v>43389</v>
      </c>
    </row>
    <row r="301" spans="1:11" ht="60" x14ac:dyDescent="0.25">
      <c r="A301" s="6" t="s">
        <v>3312</v>
      </c>
      <c r="B301" s="8" t="s">
        <v>12</v>
      </c>
      <c r="C301" s="8">
        <v>1799</v>
      </c>
      <c r="D301" s="8">
        <v>1799</v>
      </c>
      <c r="E301" s="3" t="s">
        <v>1195</v>
      </c>
      <c r="F301" s="6" t="s">
        <v>3313</v>
      </c>
      <c r="G301" s="3" t="s">
        <v>16</v>
      </c>
      <c r="H301" s="3" t="s">
        <v>17</v>
      </c>
      <c r="I301" s="3" t="s">
        <v>18</v>
      </c>
      <c r="J301" s="3" t="s">
        <v>3314</v>
      </c>
      <c r="K301" s="4">
        <v>43389</v>
      </c>
    </row>
    <row r="302" spans="1:11" x14ac:dyDescent="0.25">
      <c r="A302" s="6" t="s">
        <v>3336</v>
      </c>
      <c r="B302" s="8" t="s">
        <v>12</v>
      </c>
      <c r="C302" s="8" t="s">
        <v>3337</v>
      </c>
      <c r="D302" s="8">
        <v>1641</v>
      </c>
      <c r="E302" s="3" t="s">
        <v>3338</v>
      </c>
      <c r="F302" s="6" t="s">
        <v>3339</v>
      </c>
      <c r="G302" s="3" t="s">
        <v>16</v>
      </c>
      <c r="H302" s="3" t="s">
        <v>24</v>
      </c>
      <c r="I302" s="3" t="s">
        <v>226</v>
      </c>
      <c r="J302" s="3" t="s">
        <v>3340</v>
      </c>
      <c r="K302" s="4">
        <v>43389</v>
      </c>
    </row>
    <row r="303" spans="1:11" ht="30" x14ac:dyDescent="0.25">
      <c r="A303" s="6" t="s">
        <v>3344</v>
      </c>
      <c r="B303" s="8" t="s">
        <v>12</v>
      </c>
      <c r="C303" s="8" t="s">
        <v>1607</v>
      </c>
      <c r="D303" s="8">
        <v>1710</v>
      </c>
      <c r="E303" s="3" t="s">
        <v>3345</v>
      </c>
      <c r="F303" s="6" t="s">
        <v>3346</v>
      </c>
      <c r="G303" s="3" t="s">
        <v>16</v>
      </c>
      <c r="H303" s="3" t="s">
        <v>24</v>
      </c>
      <c r="I303" s="3" t="s">
        <v>57</v>
      </c>
      <c r="J303" s="3" t="s">
        <v>3347</v>
      </c>
      <c r="K303" s="4">
        <v>43389</v>
      </c>
    </row>
    <row r="304" spans="1:11" ht="30" x14ac:dyDescent="0.25">
      <c r="A304" s="6" t="s">
        <v>3348</v>
      </c>
      <c r="B304" s="8" t="s">
        <v>12</v>
      </c>
      <c r="C304" s="8" t="s">
        <v>2464</v>
      </c>
      <c r="D304" s="8">
        <v>1660</v>
      </c>
      <c r="E304" s="3" t="s">
        <v>3349</v>
      </c>
      <c r="F304" s="6" t="s">
        <v>3350</v>
      </c>
      <c r="G304" s="3" t="s">
        <v>16</v>
      </c>
      <c r="H304" s="3" t="s">
        <v>760</v>
      </c>
      <c r="I304" s="3" t="s">
        <v>226</v>
      </c>
      <c r="J304" s="3" t="s">
        <v>13</v>
      </c>
      <c r="K304" s="4">
        <v>43389</v>
      </c>
    </row>
    <row r="305" spans="1:11" ht="30" x14ac:dyDescent="0.25">
      <c r="A305" s="6" t="s">
        <v>3395</v>
      </c>
      <c r="B305" s="8" t="s">
        <v>12</v>
      </c>
      <c r="C305" s="8" t="s">
        <v>3396</v>
      </c>
      <c r="D305" s="8">
        <v>1690</v>
      </c>
      <c r="E305" s="3" t="s">
        <v>3397</v>
      </c>
      <c r="F305" s="6" t="s">
        <v>3398</v>
      </c>
      <c r="G305" s="3" t="s">
        <v>16</v>
      </c>
      <c r="H305" s="3" t="s">
        <v>24</v>
      </c>
      <c r="I305" s="3" t="s">
        <v>57</v>
      </c>
      <c r="J305" s="3" t="s">
        <v>3399</v>
      </c>
      <c r="K305" s="4">
        <v>43389</v>
      </c>
    </row>
    <row r="306" spans="1:11" ht="30" x14ac:dyDescent="0.25">
      <c r="A306" s="6" t="s">
        <v>3466</v>
      </c>
      <c r="B306" s="8" t="s">
        <v>12</v>
      </c>
      <c r="C306" s="8" t="s">
        <v>3467</v>
      </c>
      <c r="D306" s="8">
        <v>1724</v>
      </c>
      <c r="E306" s="3" t="s">
        <v>3468</v>
      </c>
      <c r="F306" s="6" t="s">
        <v>3469</v>
      </c>
      <c r="G306" s="3" t="s">
        <v>16</v>
      </c>
      <c r="H306" s="3" t="s">
        <v>17</v>
      </c>
      <c r="I306" s="3" t="s">
        <v>18</v>
      </c>
      <c r="J306" s="3" t="s">
        <v>3470</v>
      </c>
      <c r="K306" s="4">
        <v>43389</v>
      </c>
    </row>
    <row r="307" spans="1:11" x14ac:dyDescent="0.25">
      <c r="A307" s="6" t="s">
        <v>3475</v>
      </c>
      <c r="B307" s="8" t="s">
        <v>12</v>
      </c>
      <c r="C307" s="8">
        <v>1557</v>
      </c>
      <c r="D307" s="8">
        <v>1557</v>
      </c>
      <c r="E307" s="3" t="s">
        <v>2551</v>
      </c>
      <c r="F307" s="6" t="s">
        <v>843</v>
      </c>
      <c r="G307" s="3" t="s">
        <v>16</v>
      </c>
      <c r="H307" s="3" t="s">
        <v>24</v>
      </c>
      <c r="I307" s="3" t="s">
        <v>171</v>
      </c>
      <c r="J307" s="3" t="s">
        <v>3476</v>
      </c>
      <c r="K307" s="4">
        <v>43389</v>
      </c>
    </row>
    <row r="308" spans="1:11" ht="375" x14ac:dyDescent="0.25">
      <c r="A308" s="6" t="s">
        <v>3625</v>
      </c>
      <c r="B308" s="8" t="s">
        <v>12</v>
      </c>
      <c r="C308" s="8">
        <v>1923</v>
      </c>
      <c r="D308" s="8">
        <v>1923</v>
      </c>
      <c r="E308" s="3" t="s">
        <v>3609</v>
      </c>
      <c r="F308" s="6" t="s">
        <v>3626</v>
      </c>
      <c r="G308" s="3" t="s">
        <v>16</v>
      </c>
      <c r="H308" s="3" t="s">
        <v>17</v>
      </c>
      <c r="I308" s="3" t="s">
        <v>542</v>
      </c>
      <c r="J308" s="3" t="s">
        <v>3627</v>
      </c>
      <c r="K308" s="4">
        <v>43389</v>
      </c>
    </row>
    <row r="309" spans="1:11" ht="45" x14ac:dyDescent="0.25">
      <c r="A309" s="6" t="s">
        <v>3482</v>
      </c>
      <c r="B309" s="8" t="s">
        <v>12</v>
      </c>
      <c r="C309" s="8" t="s">
        <v>3671</v>
      </c>
      <c r="D309" s="8">
        <v>1654</v>
      </c>
      <c r="E309" s="3" t="s">
        <v>3672</v>
      </c>
      <c r="F309" s="6" t="s">
        <v>3673</v>
      </c>
      <c r="G309" s="3" t="s">
        <v>16</v>
      </c>
      <c r="H309" s="3" t="s">
        <v>24</v>
      </c>
      <c r="I309" s="3" t="s">
        <v>57</v>
      </c>
      <c r="J309" s="3" t="s">
        <v>13</v>
      </c>
      <c r="K309" s="4">
        <v>43389</v>
      </c>
    </row>
    <row r="310" spans="1:11" ht="60" x14ac:dyDescent="0.25">
      <c r="A310" s="6" t="s">
        <v>3683</v>
      </c>
      <c r="B310" s="8" t="s">
        <v>12</v>
      </c>
      <c r="C310" s="8" t="s">
        <v>615</v>
      </c>
      <c r="D310" s="8">
        <v>1557</v>
      </c>
      <c r="E310" s="3" t="s">
        <v>3684</v>
      </c>
      <c r="F310" s="6" t="s">
        <v>1155</v>
      </c>
      <c r="G310" s="3" t="s">
        <v>16</v>
      </c>
      <c r="H310" s="3" t="s">
        <v>24</v>
      </c>
      <c r="I310" s="3" t="s">
        <v>57</v>
      </c>
      <c r="J310" s="3" t="s">
        <v>3685</v>
      </c>
      <c r="K310" s="4">
        <v>43389</v>
      </c>
    </row>
    <row r="311" spans="1:11" ht="30" x14ac:dyDescent="0.25">
      <c r="A311" s="6" t="s">
        <v>3706</v>
      </c>
      <c r="B311" s="8" t="s">
        <v>12</v>
      </c>
      <c r="C311" s="8" t="s">
        <v>1660</v>
      </c>
      <c r="D311" s="8">
        <v>1674</v>
      </c>
      <c r="E311" s="3" t="s">
        <v>3707</v>
      </c>
      <c r="F311" s="6" t="s">
        <v>3708</v>
      </c>
      <c r="G311" s="3" t="s">
        <v>16</v>
      </c>
      <c r="H311" s="3" t="s">
        <v>24</v>
      </c>
      <c r="I311" s="3" t="s">
        <v>57</v>
      </c>
      <c r="J311" s="3" t="s">
        <v>3709</v>
      </c>
      <c r="K311" s="4">
        <v>43389</v>
      </c>
    </row>
    <row r="312" spans="1:11" ht="30" x14ac:dyDescent="0.25">
      <c r="A312" s="6" t="s">
        <v>3748</v>
      </c>
      <c r="B312" s="8" t="s">
        <v>12</v>
      </c>
      <c r="C312" s="8" t="s">
        <v>13</v>
      </c>
      <c r="D312" s="8">
        <v>1765</v>
      </c>
      <c r="E312" s="3" t="s">
        <v>13</v>
      </c>
      <c r="F312" s="6" t="s">
        <v>3749</v>
      </c>
      <c r="G312" s="3" t="s">
        <v>16</v>
      </c>
      <c r="H312" s="3" t="s">
        <v>17</v>
      </c>
      <c r="I312" s="3" t="s">
        <v>18</v>
      </c>
      <c r="J312" s="3" t="s">
        <v>13</v>
      </c>
      <c r="K312" s="4">
        <v>43389</v>
      </c>
    </row>
    <row r="313" spans="1:11" x14ac:dyDescent="0.25">
      <c r="A313" s="6" t="s">
        <v>3758</v>
      </c>
      <c r="B313" s="8" t="s">
        <v>12</v>
      </c>
      <c r="C313" s="8">
        <v>1806</v>
      </c>
      <c r="D313" s="8">
        <v>1806</v>
      </c>
      <c r="E313" s="3" t="s">
        <v>13</v>
      </c>
      <c r="F313" s="6" t="s">
        <v>3759</v>
      </c>
      <c r="G313" s="3" t="s">
        <v>16</v>
      </c>
      <c r="H313" s="3" t="s">
        <v>24</v>
      </c>
      <c r="I313" s="3" t="s">
        <v>250</v>
      </c>
      <c r="J313" s="3" t="s">
        <v>3760</v>
      </c>
      <c r="K313" s="4">
        <v>43389</v>
      </c>
    </row>
    <row r="314" spans="1:11" x14ac:dyDescent="0.25">
      <c r="A314" s="6" t="s">
        <v>3769</v>
      </c>
      <c r="B314" s="8" t="s">
        <v>12</v>
      </c>
      <c r="C314" s="8" t="s">
        <v>868</v>
      </c>
      <c r="D314" s="8">
        <v>1669</v>
      </c>
      <c r="E314" s="3" t="s">
        <v>3770</v>
      </c>
      <c r="F314" s="6" t="s">
        <v>3771</v>
      </c>
      <c r="G314" s="3" t="s">
        <v>16</v>
      </c>
      <c r="H314" s="3" t="s">
        <v>24</v>
      </c>
      <c r="I314" s="3" t="s">
        <v>226</v>
      </c>
      <c r="J314" s="3" t="s">
        <v>3772</v>
      </c>
      <c r="K314" s="4">
        <v>43389</v>
      </c>
    </row>
    <row r="315" spans="1:11" x14ac:dyDescent="0.25">
      <c r="A315" s="6" t="s">
        <v>3855</v>
      </c>
      <c r="B315" s="8" t="s">
        <v>12</v>
      </c>
      <c r="C315" s="8" t="s">
        <v>13</v>
      </c>
      <c r="D315" s="8">
        <v>1779</v>
      </c>
      <c r="E315" s="3" t="s">
        <v>3856</v>
      </c>
      <c r="F315" s="6" t="s">
        <v>3857</v>
      </c>
      <c r="G315" s="3" t="s">
        <v>16</v>
      </c>
      <c r="H315" s="3" t="s">
        <v>17</v>
      </c>
      <c r="I315" s="3" t="s">
        <v>57</v>
      </c>
      <c r="J315" s="3" t="s">
        <v>3858</v>
      </c>
      <c r="K315" s="4">
        <v>43389</v>
      </c>
    </row>
    <row r="316" spans="1:11" ht="210" x14ac:dyDescent="0.25">
      <c r="A316" s="6" t="s">
        <v>3914</v>
      </c>
      <c r="B316" s="8" t="s">
        <v>12</v>
      </c>
      <c r="C316" s="8" t="s">
        <v>13</v>
      </c>
      <c r="D316" s="8">
        <v>1891</v>
      </c>
      <c r="E316" s="3" t="s">
        <v>3915</v>
      </c>
      <c r="F316" s="6" t="s">
        <v>3916</v>
      </c>
      <c r="G316" s="3" t="s">
        <v>16</v>
      </c>
      <c r="H316" s="3" t="s">
        <v>17</v>
      </c>
      <c r="I316" s="3" t="s">
        <v>18</v>
      </c>
      <c r="J316" s="3" t="s">
        <v>559</v>
      </c>
      <c r="K316" s="4">
        <v>43389</v>
      </c>
    </row>
    <row r="317" spans="1:11" x14ac:dyDescent="0.25">
      <c r="A317" s="6" t="s">
        <v>3963</v>
      </c>
      <c r="B317" s="8" t="s">
        <v>12</v>
      </c>
      <c r="C317" s="8" t="s">
        <v>3964</v>
      </c>
      <c r="D317" s="8" t="s">
        <v>3965</v>
      </c>
      <c r="E317" s="3" t="s">
        <v>3966</v>
      </c>
      <c r="F317" s="6" t="s">
        <v>3967</v>
      </c>
      <c r="G317" s="3" t="s">
        <v>16</v>
      </c>
      <c r="H317" s="3" t="s">
        <v>24</v>
      </c>
      <c r="I317" s="3" t="s">
        <v>57</v>
      </c>
      <c r="J317" s="3" t="s">
        <v>13</v>
      </c>
      <c r="K317" s="4">
        <v>43389</v>
      </c>
    </row>
    <row r="318" spans="1:11" ht="150" x14ac:dyDescent="0.25">
      <c r="A318" s="6" t="s">
        <v>4013</v>
      </c>
      <c r="B318" s="8" t="s">
        <v>12</v>
      </c>
      <c r="C318" s="8">
        <v>1821</v>
      </c>
      <c r="D318" s="8">
        <v>1821</v>
      </c>
      <c r="E318" s="3" t="s">
        <v>4014</v>
      </c>
      <c r="F318" s="6" t="s">
        <v>4015</v>
      </c>
      <c r="G318" s="3" t="s">
        <v>16</v>
      </c>
      <c r="H318" s="3" t="s">
        <v>17</v>
      </c>
      <c r="I318" s="3" t="s">
        <v>250</v>
      </c>
      <c r="J318" s="3" t="s">
        <v>4016</v>
      </c>
      <c r="K318" s="4">
        <v>43389</v>
      </c>
    </row>
    <row r="319" spans="1:11" x14ac:dyDescent="0.25">
      <c r="A319" s="6" t="s">
        <v>4088</v>
      </c>
      <c r="B319" s="8" t="s">
        <v>12</v>
      </c>
      <c r="C319" s="8" t="s">
        <v>1448</v>
      </c>
      <c r="D319" s="8">
        <v>1671</v>
      </c>
      <c r="E319" s="3" t="s">
        <v>1852</v>
      </c>
      <c r="F319" s="6" t="s">
        <v>4089</v>
      </c>
      <c r="G319" s="3" t="s">
        <v>16</v>
      </c>
      <c r="H319" s="3" t="s">
        <v>24</v>
      </c>
      <c r="I319" s="3" t="s">
        <v>739</v>
      </c>
      <c r="J319" s="3" t="s">
        <v>4090</v>
      </c>
      <c r="K319" s="4">
        <v>43389</v>
      </c>
    </row>
    <row r="320" spans="1:11" x14ac:dyDescent="0.25">
      <c r="A320" s="6" t="s">
        <v>4255</v>
      </c>
      <c r="B320" s="8" t="s">
        <v>12</v>
      </c>
      <c r="C320" s="8" t="s">
        <v>4256</v>
      </c>
      <c r="D320" s="8" t="s">
        <v>4257</v>
      </c>
      <c r="E320" s="3" t="s">
        <v>4258</v>
      </c>
      <c r="F320" s="6" t="s">
        <v>4259</v>
      </c>
      <c r="G320" s="3" t="s">
        <v>16</v>
      </c>
      <c r="H320" s="3" t="s">
        <v>24</v>
      </c>
      <c r="I320" s="3" t="s">
        <v>57</v>
      </c>
      <c r="J320" s="3" t="s">
        <v>4260</v>
      </c>
      <c r="K320" s="4">
        <v>43389</v>
      </c>
    </row>
    <row r="321" spans="1:11" x14ac:dyDescent="0.25">
      <c r="A321" s="6" t="s">
        <v>4313</v>
      </c>
      <c r="B321" s="8" t="s">
        <v>12</v>
      </c>
      <c r="C321" s="8">
        <v>1851</v>
      </c>
      <c r="D321" s="8">
        <v>1851</v>
      </c>
      <c r="E321" s="3" t="s">
        <v>4314</v>
      </c>
      <c r="F321" s="6" t="s">
        <v>4315</v>
      </c>
      <c r="G321" s="3" t="s">
        <v>16</v>
      </c>
      <c r="H321" s="3" t="s">
        <v>170</v>
      </c>
      <c r="I321" s="3" t="s">
        <v>171</v>
      </c>
      <c r="J321" s="3" t="s">
        <v>4316</v>
      </c>
      <c r="K321" s="4">
        <v>43389</v>
      </c>
    </row>
    <row r="322" spans="1:11" ht="30" x14ac:dyDescent="0.25">
      <c r="A322" s="6" t="s">
        <v>4349</v>
      </c>
      <c r="B322" s="8" t="s">
        <v>12</v>
      </c>
      <c r="C322" s="8" t="s">
        <v>4350</v>
      </c>
      <c r="D322" s="8">
        <v>1746</v>
      </c>
      <c r="E322" s="3" t="s">
        <v>4351</v>
      </c>
      <c r="F322" s="6" t="s">
        <v>4352</v>
      </c>
      <c r="G322" s="3" t="s">
        <v>16</v>
      </c>
      <c r="H322" s="3" t="s">
        <v>17</v>
      </c>
      <c r="I322" s="3" t="s">
        <v>18</v>
      </c>
      <c r="J322" s="3" t="s">
        <v>4353</v>
      </c>
      <c r="K322" s="4">
        <v>43389</v>
      </c>
    </row>
    <row r="323" spans="1:11" ht="120" x14ac:dyDescent="0.25">
      <c r="A323" s="6" t="s">
        <v>4357</v>
      </c>
      <c r="B323" s="8" t="s">
        <v>12</v>
      </c>
      <c r="C323" s="8">
        <v>1847</v>
      </c>
      <c r="D323" s="8">
        <v>1847</v>
      </c>
      <c r="E323" s="3" t="s">
        <v>13</v>
      </c>
      <c r="F323" s="6" t="s">
        <v>4358</v>
      </c>
      <c r="G323" s="3" t="s">
        <v>16</v>
      </c>
      <c r="H323" s="3" t="s">
        <v>170</v>
      </c>
      <c r="I323" s="3" t="s">
        <v>57</v>
      </c>
      <c r="J323" s="3" t="s">
        <v>4359</v>
      </c>
      <c r="K323" s="4">
        <v>43389</v>
      </c>
    </row>
    <row r="324" spans="1:11" x14ac:dyDescent="0.25">
      <c r="A324" s="6" t="s">
        <v>4371</v>
      </c>
      <c r="B324" s="8" t="s">
        <v>12</v>
      </c>
      <c r="C324" s="8" t="s">
        <v>4372</v>
      </c>
      <c r="D324" s="8">
        <v>1763</v>
      </c>
      <c r="E324" s="3" t="s">
        <v>4373</v>
      </c>
      <c r="F324" s="6" t="s">
        <v>4374</v>
      </c>
      <c r="G324" s="3" t="s">
        <v>16</v>
      </c>
      <c r="H324" s="3" t="s">
        <v>24</v>
      </c>
      <c r="I324" s="3" t="s">
        <v>250</v>
      </c>
      <c r="J324" s="3" t="s">
        <v>4375</v>
      </c>
      <c r="K324" s="4">
        <v>43389</v>
      </c>
    </row>
    <row r="325" spans="1:11" ht="45" x14ac:dyDescent="0.25">
      <c r="A325" s="6" t="s">
        <v>4431</v>
      </c>
      <c r="B325" s="8" t="s">
        <v>12</v>
      </c>
      <c r="C325" s="8" t="s">
        <v>4432</v>
      </c>
      <c r="D325" s="9">
        <v>8402</v>
      </c>
      <c r="E325" s="3" t="s">
        <v>2792</v>
      </c>
      <c r="F325" s="6" t="s">
        <v>4433</v>
      </c>
      <c r="G325" s="3" t="s">
        <v>16</v>
      </c>
      <c r="H325" s="3" t="s">
        <v>17</v>
      </c>
      <c r="I325" s="3" t="s">
        <v>18</v>
      </c>
      <c r="J325" s="3" t="s">
        <v>13</v>
      </c>
      <c r="K325" s="4">
        <v>43389</v>
      </c>
    </row>
    <row r="326" spans="1:11" x14ac:dyDescent="0.25">
      <c r="A326" s="6" t="s">
        <v>4491</v>
      </c>
      <c r="B326" s="8" t="s">
        <v>12</v>
      </c>
      <c r="C326" s="8" t="s">
        <v>4492</v>
      </c>
      <c r="D326" s="8">
        <v>1580</v>
      </c>
      <c r="E326" s="3" t="s">
        <v>4493</v>
      </c>
      <c r="F326" s="6" t="s">
        <v>4128</v>
      </c>
      <c r="G326" s="3" t="s">
        <v>16</v>
      </c>
      <c r="H326" s="3" t="s">
        <v>24</v>
      </c>
      <c r="I326" s="3" t="s">
        <v>858</v>
      </c>
      <c r="J326" s="3" t="s">
        <v>4129</v>
      </c>
      <c r="K326" s="4">
        <v>43389</v>
      </c>
    </row>
    <row r="327" spans="1:11" ht="30" x14ac:dyDescent="0.25">
      <c r="A327" s="6" t="s">
        <v>4499</v>
      </c>
      <c r="B327" s="8" t="s">
        <v>12</v>
      </c>
      <c r="C327" s="8" t="s">
        <v>4500</v>
      </c>
      <c r="D327" s="8">
        <v>1799</v>
      </c>
      <c r="E327" s="3" t="s">
        <v>13</v>
      </c>
      <c r="F327" s="6" t="s">
        <v>4501</v>
      </c>
      <c r="G327" s="3" t="s">
        <v>16</v>
      </c>
      <c r="H327" s="3" t="s">
        <v>24</v>
      </c>
      <c r="I327" s="3" t="s">
        <v>57</v>
      </c>
      <c r="J327" s="3" t="s">
        <v>4502</v>
      </c>
      <c r="K327" s="4">
        <v>43389</v>
      </c>
    </row>
    <row r="328" spans="1:11" ht="30" x14ac:dyDescent="0.25">
      <c r="A328" s="6" t="s">
        <v>4503</v>
      </c>
      <c r="B328" s="8" t="s">
        <v>12</v>
      </c>
      <c r="C328" s="8" t="s">
        <v>4504</v>
      </c>
      <c r="D328" s="8" t="s">
        <v>4505</v>
      </c>
      <c r="E328" s="3" t="s">
        <v>454</v>
      </c>
      <c r="F328" s="6" t="s">
        <v>4506</v>
      </c>
      <c r="G328" s="3" t="s">
        <v>16</v>
      </c>
      <c r="H328" s="3" t="s">
        <v>24</v>
      </c>
      <c r="I328" s="3" t="s">
        <v>57</v>
      </c>
      <c r="J328" s="3" t="s">
        <v>13</v>
      </c>
      <c r="K328" s="4">
        <v>43389</v>
      </c>
    </row>
    <row r="329" spans="1:11" x14ac:dyDescent="0.25">
      <c r="A329" s="6" t="s">
        <v>4523</v>
      </c>
      <c r="B329" s="8" t="s">
        <v>12</v>
      </c>
      <c r="C329" s="8" t="s">
        <v>1448</v>
      </c>
      <c r="D329" s="8">
        <v>1671</v>
      </c>
      <c r="E329" s="3" t="s">
        <v>332</v>
      </c>
      <c r="F329" s="6" t="s">
        <v>4524</v>
      </c>
      <c r="G329" s="3" t="s">
        <v>16</v>
      </c>
      <c r="H329" s="3" t="s">
        <v>24</v>
      </c>
      <c r="I329" s="3" t="s">
        <v>226</v>
      </c>
      <c r="J329" s="3" t="s">
        <v>4525</v>
      </c>
      <c r="K329" s="4">
        <v>43389</v>
      </c>
    </row>
    <row r="330" spans="1:11" ht="30" x14ac:dyDescent="0.25">
      <c r="A330" s="6" t="s">
        <v>4540</v>
      </c>
      <c r="B330" s="8" t="s">
        <v>12</v>
      </c>
      <c r="C330" s="8">
        <v>1849</v>
      </c>
      <c r="D330" s="8">
        <v>1849</v>
      </c>
      <c r="E330" s="3" t="s">
        <v>4541</v>
      </c>
      <c r="F330" s="6" t="s">
        <v>4542</v>
      </c>
      <c r="G330" s="3" t="s">
        <v>16</v>
      </c>
      <c r="H330" s="3" t="s">
        <v>17</v>
      </c>
      <c r="I330" s="3" t="s">
        <v>18</v>
      </c>
      <c r="J330" s="3" t="s">
        <v>4543</v>
      </c>
      <c r="K330" s="4">
        <v>43389</v>
      </c>
    </row>
    <row r="331" spans="1:11" x14ac:dyDescent="0.25">
      <c r="A331" s="6" t="s">
        <v>4592</v>
      </c>
      <c r="B331" s="8" t="s">
        <v>12</v>
      </c>
      <c r="C331" s="8" t="s">
        <v>13</v>
      </c>
      <c r="D331" s="8">
        <v>1844</v>
      </c>
      <c r="E331" s="3" t="s">
        <v>13</v>
      </c>
      <c r="F331" s="6" t="s">
        <v>4593</v>
      </c>
      <c r="G331" s="3" t="s">
        <v>16</v>
      </c>
      <c r="H331" s="3" t="s">
        <v>170</v>
      </c>
      <c r="I331" s="3" t="s">
        <v>171</v>
      </c>
      <c r="J331" s="3" t="s">
        <v>4594</v>
      </c>
      <c r="K331" s="4">
        <v>43389</v>
      </c>
    </row>
    <row r="332" spans="1:11" ht="30" x14ac:dyDescent="0.25">
      <c r="A332" s="6" t="s">
        <v>4610</v>
      </c>
      <c r="B332" s="8" t="s">
        <v>12</v>
      </c>
      <c r="C332" s="8" t="s">
        <v>4611</v>
      </c>
      <c r="D332" s="8">
        <v>1677</v>
      </c>
      <c r="E332" s="3" t="s">
        <v>1860</v>
      </c>
      <c r="F332" s="6" t="s">
        <v>4612</v>
      </c>
      <c r="G332" s="3" t="s">
        <v>16</v>
      </c>
      <c r="H332" s="3" t="s">
        <v>24</v>
      </c>
      <c r="I332" s="3" t="s">
        <v>57</v>
      </c>
      <c r="J332" s="3" t="s">
        <v>4613</v>
      </c>
      <c r="K332" s="4">
        <v>43389</v>
      </c>
    </row>
    <row r="333" spans="1:11" ht="30" x14ac:dyDescent="0.25">
      <c r="A333" s="6" t="s">
        <v>4734</v>
      </c>
      <c r="B333" s="8" t="s">
        <v>12</v>
      </c>
      <c r="C333" s="8" t="s">
        <v>13</v>
      </c>
      <c r="D333" s="8">
        <v>1811</v>
      </c>
      <c r="E333" s="3" t="s">
        <v>13</v>
      </c>
      <c r="F333" s="6" t="s">
        <v>4735</v>
      </c>
      <c r="G333" s="3" t="s">
        <v>16</v>
      </c>
      <c r="H333" s="3" t="s">
        <v>24</v>
      </c>
      <c r="I333" s="3" t="s">
        <v>57</v>
      </c>
      <c r="J333" s="3" t="s">
        <v>4736</v>
      </c>
      <c r="K333" s="4">
        <v>43389</v>
      </c>
    </row>
    <row r="334" spans="1:11" ht="30" x14ac:dyDescent="0.25">
      <c r="A334" s="6" t="s">
        <v>4758</v>
      </c>
      <c r="B334" s="8" t="s">
        <v>12</v>
      </c>
      <c r="C334" s="8" t="s">
        <v>4759</v>
      </c>
      <c r="D334" s="8" t="s">
        <v>4760</v>
      </c>
      <c r="E334" s="3" t="s">
        <v>50</v>
      </c>
      <c r="F334" s="6" t="s">
        <v>4761</v>
      </c>
      <c r="G334" s="3" t="s">
        <v>16</v>
      </c>
      <c r="H334" s="3" t="s">
        <v>24</v>
      </c>
      <c r="I334" s="3" t="s">
        <v>52</v>
      </c>
      <c r="J334" s="3" t="s">
        <v>13</v>
      </c>
      <c r="K334" s="4">
        <v>43389</v>
      </c>
    </row>
    <row r="335" spans="1:11" ht="75" x14ac:dyDescent="0.25">
      <c r="A335" s="6" t="s">
        <v>4833</v>
      </c>
      <c r="B335" s="8" t="s">
        <v>12</v>
      </c>
      <c r="C335" s="8">
        <v>1887</v>
      </c>
      <c r="D335" s="8">
        <v>1887</v>
      </c>
      <c r="E335" s="3" t="s">
        <v>1209</v>
      </c>
      <c r="F335" s="6" t="s">
        <v>4834</v>
      </c>
      <c r="G335" s="3" t="s">
        <v>16</v>
      </c>
      <c r="H335" s="3" t="s">
        <v>45</v>
      </c>
      <c r="I335" s="3" t="s">
        <v>18</v>
      </c>
      <c r="J335" s="3" t="s">
        <v>4835</v>
      </c>
      <c r="K335" s="4">
        <v>43389</v>
      </c>
    </row>
    <row r="336" spans="1:11" x14ac:dyDescent="0.25">
      <c r="A336" s="6" t="s">
        <v>4968</v>
      </c>
      <c r="B336" s="8" t="s">
        <v>12</v>
      </c>
      <c r="C336" s="8" t="s">
        <v>4969</v>
      </c>
      <c r="D336" s="8">
        <v>1673</v>
      </c>
      <c r="E336" s="3" t="s">
        <v>4970</v>
      </c>
      <c r="F336" s="6" t="s">
        <v>4971</v>
      </c>
      <c r="G336" s="3" t="s">
        <v>16</v>
      </c>
      <c r="H336" s="3" t="s">
        <v>24</v>
      </c>
      <c r="I336" s="3" t="s">
        <v>57</v>
      </c>
      <c r="J336" s="3" t="s">
        <v>4972</v>
      </c>
      <c r="K336" s="4">
        <v>43389</v>
      </c>
    </row>
    <row r="337" spans="1:11" ht="75" x14ac:dyDescent="0.25">
      <c r="A337" s="6" t="s">
        <v>4973</v>
      </c>
      <c r="B337" s="8" t="s">
        <v>12</v>
      </c>
      <c r="C337" s="8" t="s">
        <v>4974</v>
      </c>
      <c r="D337" s="8">
        <v>1652</v>
      </c>
      <c r="E337" s="3" t="s">
        <v>4975</v>
      </c>
      <c r="F337" s="6" t="s">
        <v>1876</v>
      </c>
      <c r="G337" s="3" t="s">
        <v>16</v>
      </c>
      <c r="H337" s="3" t="s">
        <v>24</v>
      </c>
      <c r="I337" s="3" t="s">
        <v>226</v>
      </c>
      <c r="J337" s="3" t="s">
        <v>4976</v>
      </c>
      <c r="K337" s="4">
        <v>43389</v>
      </c>
    </row>
    <row r="338" spans="1:11" ht="30" x14ac:dyDescent="0.25">
      <c r="A338" s="6" t="s">
        <v>4986</v>
      </c>
      <c r="B338" s="8" t="s">
        <v>12</v>
      </c>
      <c r="C338" s="8">
        <v>1684</v>
      </c>
      <c r="D338" s="8">
        <v>1684</v>
      </c>
      <c r="E338" s="3" t="s">
        <v>4987</v>
      </c>
      <c r="F338" s="6" t="s">
        <v>4988</v>
      </c>
      <c r="G338" s="3" t="s">
        <v>16</v>
      </c>
      <c r="H338" s="3" t="s">
        <v>538</v>
      </c>
      <c r="I338" s="3" t="s">
        <v>809</v>
      </c>
      <c r="J338" s="3" t="s">
        <v>4989</v>
      </c>
      <c r="K338" s="4">
        <v>43389</v>
      </c>
    </row>
    <row r="339" spans="1:11" x14ac:dyDescent="0.25">
      <c r="A339" s="6" t="s">
        <v>4996</v>
      </c>
      <c r="B339" s="8" t="s">
        <v>12</v>
      </c>
      <c r="C339" s="8" t="s">
        <v>2575</v>
      </c>
      <c r="D339" s="8">
        <v>1685</v>
      </c>
      <c r="E339" s="3" t="s">
        <v>454</v>
      </c>
      <c r="F339" s="6" t="s">
        <v>4997</v>
      </c>
      <c r="G339" s="3" t="s">
        <v>16</v>
      </c>
      <c r="H339" s="3" t="s">
        <v>24</v>
      </c>
      <c r="I339" s="3" t="s">
        <v>57</v>
      </c>
      <c r="J339" s="3" t="s">
        <v>13</v>
      </c>
      <c r="K339" s="4">
        <v>43389</v>
      </c>
    </row>
    <row r="340" spans="1:11" ht="45" x14ac:dyDescent="0.25">
      <c r="A340" s="6" t="s">
        <v>4998</v>
      </c>
      <c r="B340" s="8" t="s">
        <v>12</v>
      </c>
      <c r="C340" s="8" t="s">
        <v>868</v>
      </c>
      <c r="D340" s="8">
        <v>1669</v>
      </c>
      <c r="E340" s="3" t="s">
        <v>332</v>
      </c>
      <c r="F340" s="6" t="s">
        <v>4999</v>
      </c>
      <c r="G340" s="3" t="s">
        <v>16</v>
      </c>
      <c r="H340" s="3" t="s">
        <v>24</v>
      </c>
      <c r="I340" s="3" t="s">
        <v>226</v>
      </c>
      <c r="J340" s="3" t="s">
        <v>5000</v>
      </c>
      <c r="K340" s="4">
        <v>43389</v>
      </c>
    </row>
    <row r="341" spans="1:11" ht="30" x14ac:dyDescent="0.25">
      <c r="A341" s="6" t="s">
        <v>5021</v>
      </c>
      <c r="B341" s="8" t="s">
        <v>12</v>
      </c>
      <c r="C341" s="8" t="s">
        <v>1101</v>
      </c>
      <c r="D341" s="8">
        <v>1762</v>
      </c>
      <c r="E341" s="3" t="s">
        <v>248</v>
      </c>
      <c r="F341" s="6" t="s">
        <v>5022</v>
      </c>
      <c r="G341" s="3" t="s">
        <v>16</v>
      </c>
      <c r="H341" s="3" t="s">
        <v>24</v>
      </c>
      <c r="I341" s="3" t="s">
        <v>250</v>
      </c>
      <c r="J341" s="3" t="s">
        <v>5023</v>
      </c>
      <c r="K341" s="4">
        <v>43389</v>
      </c>
    </row>
    <row r="342" spans="1:11" ht="225" x14ac:dyDescent="0.25">
      <c r="A342" s="6" t="s">
        <v>5024</v>
      </c>
      <c r="B342" s="8" t="s">
        <v>12</v>
      </c>
      <c r="C342" s="8">
        <v>1552</v>
      </c>
      <c r="D342" s="8">
        <v>1552</v>
      </c>
      <c r="E342" s="3" t="s">
        <v>5025</v>
      </c>
      <c r="F342" s="6" t="s">
        <v>5026</v>
      </c>
      <c r="G342" s="3" t="s">
        <v>16</v>
      </c>
      <c r="H342" s="3" t="s">
        <v>45</v>
      </c>
      <c r="I342" s="3" t="s">
        <v>18</v>
      </c>
      <c r="J342" s="3" t="s">
        <v>5027</v>
      </c>
      <c r="K342" s="4">
        <v>43389</v>
      </c>
    </row>
    <row r="343" spans="1:11" ht="30" x14ac:dyDescent="0.25">
      <c r="A343" s="6" t="s">
        <v>5111</v>
      </c>
      <c r="B343" s="8" t="s">
        <v>12</v>
      </c>
      <c r="C343" s="8">
        <v>1664</v>
      </c>
      <c r="D343" s="8">
        <v>1664</v>
      </c>
      <c r="E343" s="3" t="s">
        <v>1449</v>
      </c>
      <c r="F343" s="6" t="s">
        <v>5112</v>
      </c>
      <c r="G343" s="3" t="s">
        <v>16</v>
      </c>
      <c r="H343" s="3" t="s">
        <v>24</v>
      </c>
      <c r="I343" s="3" t="s">
        <v>57</v>
      </c>
      <c r="J343" s="3" t="s">
        <v>13</v>
      </c>
      <c r="K343" s="4">
        <v>43389</v>
      </c>
    </row>
    <row r="344" spans="1:11" ht="45" x14ac:dyDescent="0.25">
      <c r="A344" s="6" t="s">
        <v>5117</v>
      </c>
      <c r="B344" s="8" t="s">
        <v>12</v>
      </c>
      <c r="C344" s="8" t="s">
        <v>5118</v>
      </c>
      <c r="D344" s="8" t="s">
        <v>5119</v>
      </c>
      <c r="E344" s="3" t="s">
        <v>5120</v>
      </c>
      <c r="F344" s="6" t="s">
        <v>5121</v>
      </c>
      <c r="G344" s="3" t="s">
        <v>16</v>
      </c>
      <c r="H344" s="3" t="s">
        <v>17</v>
      </c>
      <c r="I344" s="3" t="s">
        <v>250</v>
      </c>
      <c r="J344" s="3" t="s">
        <v>2261</v>
      </c>
      <c r="K344" s="4">
        <v>43389</v>
      </c>
    </row>
    <row r="345" spans="1:11" ht="45" x14ac:dyDescent="0.25">
      <c r="A345" s="6" t="s">
        <v>5270</v>
      </c>
      <c r="B345" s="8" t="s">
        <v>12</v>
      </c>
      <c r="C345" s="8" t="s">
        <v>13</v>
      </c>
      <c r="D345" s="8">
        <v>1710</v>
      </c>
      <c r="E345" s="3" t="s">
        <v>5271</v>
      </c>
      <c r="F345" s="6" t="s">
        <v>5272</v>
      </c>
      <c r="G345" s="3" t="s">
        <v>16</v>
      </c>
      <c r="H345" s="3" t="s">
        <v>24</v>
      </c>
      <c r="I345" s="3" t="s">
        <v>57</v>
      </c>
      <c r="J345" s="3" t="s">
        <v>5273</v>
      </c>
      <c r="K345" s="4">
        <v>43389</v>
      </c>
    </row>
    <row r="346" spans="1:11" ht="330" x14ac:dyDescent="0.25">
      <c r="A346" s="6" t="s">
        <v>5283</v>
      </c>
      <c r="B346" s="8" t="s">
        <v>12</v>
      </c>
      <c r="C346" s="8">
        <v>1563</v>
      </c>
      <c r="D346" s="8">
        <v>1563</v>
      </c>
      <c r="E346" s="3" t="s">
        <v>5284</v>
      </c>
      <c r="F346" s="6" t="s">
        <v>5285</v>
      </c>
      <c r="G346" s="3" t="s">
        <v>16</v>
      </c>
      <c r="H346" s="3" t="s">
        <v>45</v>
      </c>
      <c r="I346" s="3" t="s">
        <v>18</v>
      </c>
      <c r="J346" s="3" t="s">
        <v>5286</v>
      </c>
      <c r="K346" s="4">
        <v>43389</v>
      </c>
    </row>
    <row r="347" spans="1:11" ht="75" x14ac:dyDescent="0.25">
      <c r="A347" s="6" t="s">
        <v>5338</v>
      </c>
      <c r="B347" s="8" t="s">
        <v>12</v>
      </c>
      <c r="C347" s="8">
        <v>1910</v>
      </c>
      <c r="D347" s="8">
        <v>1910</v>
      </c>
      <c r="E347" s="3" t="s">
        <v>324</v>
      </c>
      <c r="F347" s="6" t="s">
        <v>325</v>
      </c>
      <c r="G347" s="3" t="s">
        <v>16</v>
      </c>
      <c r="H347" s="3" t="s">
        <v>17</v>
      </c>
      <c r="I347" s="3" t="s">
        <v>18</v>
      </c>
      <c r="J347" s="3" t="s">
        <v>326</v>
      </c>
      <c r="K347" s="4">
        <v>43389</v>
      </c>
    </row>
    <row r="348" spans="1:11" ht="30" x14ac:dyDescent="0.25">
      <c r="A348" s="6" t="s">
        <v>5464</v>
      </c>
      <c r="B348" s="8" t="s">
        <v>12</v>
      </c>
      <c r="C348" s="8" t="s">
        <v>237</v>
      </c>
      <c r="D348" s="8">
        <v>1668</v>
      </c>
      <c r="E348" s="3" t="s">
        <v>1449</v>
      </c>
      <c r="F348" s="6" t="s">
        <v>5465</v>
      </c>
      <c r="G348" s="3" t="s">
        <v>16</v>
      </c>
      <c r="H348" s="3" t="s">
        <v>24</v>
      </c>
      <c r="I348" s="3" t="s">
        <v>57</v>
      </c>
      <c r="J348" s="3" t="s">
        <v>5466</v>
      </c>
      <c r="K348" s="4">
        <v>43389</v>
      </c>
    </row>
    <row r="349" spans="1:11" ht="45" x14ac:dyDescent="0.25">
      <c r="A349" s="6" t="s">
        <v>5506</v>
      </c>
      <c r="B349" s="8" t="s">
        <v>12</v>
      </c>
      <c r="C349" s="8">
        <v>1901</v>
      </c>
      <c r="D349" s="8">
        <v>1901</v>
      </c>
      <c r="E349" s="3" t="s">
        <v>4100</v>
      </c>
      <c r="F349" s="6" t="s">
        <v>5507</v>
      </c>
      <c r="G349" s="3" t="s">
        <v>16</v>
      </c>
      <c r="H349" s="3" t="s">
        <v>17</v>
      </c>
      <c r="I349" s="3" t="s">
        <v>18</v>
      </c>
      <c r="J349" s="3" t="s">
        <v>1634</v>
      </c>
      <c r="K349" s="4">
        <v>43389</v>
      </c>
    </row>
    <row r="350" spans="1:11" ht="45" x14ac:dyDescent="0.25">
      <c r="A350" s="6" t="s">
        <v>5524</v>
      </c>
      <c r="B350" s="8" t="s">
        <v>12</v>
      </c>
      <c r="C350" s="8" t="s">
        <v>5525</v>
      </c>
      <c r="D350" s="8">
        <v>1723</v>
      </c>
      <c r="E350" s="3" t="s">
        <v>5526</v>
      </c>
      <c r="F350" s="6" t="s">
        <v>5527</v>
      </c>
      <c r="G350" s="3" t="s">
        <v>16</v>
      </c>
      <c r="H350" s="3" t="s">
        <v>24</v>
      </c>
      <c r="I350" s="3" t="s">
        <v>57</v>
      </c>
      <c r="J350" s="3" t="s">
        <v>5528</v>
      </c>
      <c r="K350" s="4">
        <v>43389</v>
      </c>
    </row>
    <row r="351" spans="1:11" ht="45" x14ac:dyDescent="0.25">
      <c r="A351" s="6" t="s">
        <v>5580</v>
      </c>
      <c r="B351" s="8" t="s">
        <v>12</v>
      </c>
      <c r="C351" s="8">
        <v>1548</v>
      </c>
      <c r="D351" s="8">
        <v>1548</v>
      </c>
      <c r="E351" s="3" t="s">
        <v>5581</v>
      </c>
      <c r="F351" s="6" t="s">
        <v>5582</v>
      </c>
      <c r="G351" s="3" t="s">
        <v>16</v>
      </c>
      <c r="H351" s="3" t="s">
        <v>24</v>
      </c>
      <c r="I351" s="3" t="s">
        <v>2062</v>
      </c>
      <c r="J351" s="3" t="s">
        <v>4575</v>
      </c>
      <c r="K351" s="4">
        <v>43389</v>
      </c>
    </row>
    <row r="352" spans="1:11" ht="45" x14ac:dyDescent="0.25">
      <c r="A352" s="6" t="s">
        <v>5712</v>
      </c>
      <c r="B352" s="8" t="s">
        <v>12</v>
      </c>
      <c r="C352" s="8" t="s">
        <v>13</v>
      </c>
      <c r="D352" s="8">
        <v>1708</v>
      </c>
      <c r="E352" s="3" t="s">
        <v>5713</v>
      </c>
      <c r="F352" s="6" t="s">
        <v>5714</v>
      </c>
      <c r="G352" s="3" t="s">
        <v>16</v>
      </c>
      <c r="H352" s="3" t="s">
        <v>24</v>
      </c>
      <c r="I352" s="3" t="s">
        <v>18</v>
      </c>
      <c r="J352" s="3" t="s">
        <v>5715</v>
      </c>
      <c r="K352" s="4">
        <v>43389</v>
      </c>
    </row>
    <row r="353" spans="1:11" x14ac:dyDescent="0.25">
      <c r="A353" s="6" t="s">
        <v>27</v>
      </c>
      <c r="B353" s="8" t="s">
        <v>12</v>
      </c>
      <c r="C353" s="8">
        <v>1851</v>
      </c>
      <c r="D353" s="8">
        <v>1851</v>
      </c>
      <c r="E353" s="3" t="s">
        <v>28</v>
      </c>
      <c r="F353" s="6" t="s">
        <v>29</v>
      </c>
      <c r="G353" s="3" t="s">
        <v>16</v>
      </c>
      <c r="H353" s="3" t="s">
        <v>30</v>
      </c>
      <c r="I353" s="3" t="s">
        <v>31</v>
      </c>
      <c r="J353" s="3" t="s">
        <v>32</v>
      </c>
      <c r="K353" s="4">
        <v>43388</v>
      </c>
    </row>
    <row r="354" spans="1:11" ht="30" x14ac:dyDescent="0.25">
      <c r="A354" s="6" t="s">
        <v>33</v>
      </c>
      <c r="B354" s="8" t="s">
        <v>12</v>
      </c>
      <c r="C354" s="8" t="s">
        <v>34</v>
      </c>
      <c r="D354" s="8">
        <v>1722</v>
      </c>
      <c r="E354" s="3" t="s">
        <v>35</v>
      </c>
      <c r="F354" s="6" t="s">
        <v>36</v>
      </c>
      <c r="G354" s="3" t="s">
        <v>16</v>
      </c>
      <c r="H354" s="3" t="s">
        <v>17</v>
      </c>
      <c r="I354" s="3" t="s">
        <v>18</v>
      </c>
      <c r="J354" s="3" t="s">
        <v>37</v>
      </c>
      <c r="K354" s="4">
        <v>43388</v>
      </c>
    </row>
    <row r="355" spans="1:11" ht="30" x14ac:dyDescent="0.25">
      <c r="A355" s="6" t="s">
        <v>47</v>
      </c>
      <c r="B355" s="8" t="s">
        <v>12</v>
      </c>
      <c r="C355" s="8" t="s">
        <v>48</v>
      </c>
      <c r="D355" s="8" t="s">
        <v>49</v>
      </c>
      <c r="E355" s="3" t="s">
        <v>50</v>
      </c>
      <c r="F355" s="6" t="s">
        <v>51</v>
      </c>
      <c r="G355" s="3" t="s">
        <v>16</v>
      </c>
      <c r="H355" s="3" t="s">
        <v>24</v>
      </c>
      <c r="I355" s="3" t="s">
        <v>52</v>
      </c>
      <c r="J355" s="3" t="s">
        <v>13</v>
      </c>
      <c r="K355" s="4">
        <v>43388</v>
      </c>
    </row>
    <row r="356" spans="1:11" ht="120" x14ac:dyDescent="0.25">
      <c r="A356" s="6" t="s">
        <v>59</v>
      </c>
      <c r="B356" s="8" t="s">
        <v>12</v>
      </c>
      <c r="C356" s="8" t="s">
        <v>60</v>
      </c>
      <c r="D356" s="8">
        <v>1823</v>
      </c>
      <c r="E356" s="3" t="s">
        <v>13</v>
      </c>
      <c r="F356" s="6" t="s">
        <v>61</v>
      </c>
      <c r="G356" s="3" t="s">
        <v>16</v>
      </c>
      <c r="H356" s="3" t="s">
        <v>24</v>
      </c>
      <c r="I356" s="3" t="s">
        <v>62</v>
      </c>
      <c r="J356" s="3" t="s">
        <v>63</v>
      </c>
      <c r="K356" s="4">
        <v>43388</v>
      </c>
    </row>
    <row r="357" spans="1:11" ht="75" x14ac:dyDescent="0.25">
      <c r="A357" s="6" t="s">
        <v>74</v>
      </c>
      <c r="B357" s="8" t="s">
        <v>12</v>
      </c>
      <c r="C357" s="8" t="s">
        <v>13</v>
      </c>
      <c r="D357" s="8">
        <v>1840</v>
      </c>
      <c r="E357" s="3" t="s">
        <v>13</v>
      </c>
      <c r="F357" s="6" t="s">
        <v>75</v>
      </c>
      <c r="G357" s="3" t="s">
        <v>16</v>
      </c>
      <c r="H357" s="3" t="s">
        <v>17</v>
      </c>
      <c r="I357" s="3" t="s">
        <v>18</v>
      </c>
      <c r="J357" s="3" t="s">
        <v>13</v>
      </c>
      <c r="K357" s="4">
        <v>43388</v>
      </c>
    </row>
    <row r="358" spans="1:11" ht="90" x14ac:dyDescent="0.25">
      <c r="A358" s="6" t="s">
        <v>200</v>
      </c>
      <c r="B358" s="8" t="s">
        <v>12</v>
      </c>
      <c r="C358" s="8" t="s">
        <v>13</v>
      </c>
      <c r="D358" s="8">
        <v>1562</v>
      </c>
      <c r="E358" s="3" t="s">
        <v>201</v>
      </c>
      <c r="F358" s="6" t="s">
        <v>202</v>
      </c>
      <c r="G358" s="3" t="s">
        <v>16</v>
      </c>
      <c r="H358" s="3" t="s">
        <v>24</v>
      </c>
      <c r="I358" s="3" t="s">
        <v>203</v>
      </c>
      <c r="J358" s="3" t="s">
        <v>204</v>
      </c>
      <c r="K358" s="4">
        <v>43388</v>
      </c>
    </row>
    <row r="359" spans="1:11" x14ac:dyDescent="0.25">
      <c r="A359" s="6" t="s">
        <v>222</v>
      </c>
      <c r="B359" s="8" t="s">
        <v>12</v>
      </c>
      <c r="C359" s="8" t="s">
        <v>223</v>
      </c>
      <c r="D359" s="8">
        <v>1693</v>
      </c>
      <c r="E359" s="3" t="s">
        <v>224</v>
      </c>
      <c r="F359" s="6" t="s">
        <v>225</v>
      </c>
      <c r="G359" s="3" t="s">
        <v>16</v>
      </c>
      <c r="H359" s="3" t="s">
        <v>24</v>
      </c>
      <c r="I359" s="3" t="s">
        <v>226</v>
      </c>
      <c r="J359" s="3" t="s">
        <v>227</v>
      </c>
      <c r="K359" s="4">
        <v>43388</v>
      </c>
    </row>
    <row r="360" spans="1:11" ht="30" x14ac:dyDescent="0.25">
      <c r="A360" s="6" t="s">
        <v>282</v>
      </c>
      <c r="B360" s="8" t="s">
        <v>12</v>
      </c>
      <c r="C360" s="8">
        <v>1806</v>
      </c>
      <c r="D360" s="8">
        <v>1806</v>
      </c>
      <c r="E360" s="3" t="s">
        <v>283</v>
      </c>
      <c r="F360" s="6" t="s">
        <v>284</v>
      </c>
      <c r="G360" s="3" t="s">
        <v>16</v>
      </c>
      <c r="H360" s="3" t="s">
        <v>17</v>
      </c>
      <c r="I360" s="3" t="s">
        <v>18</v>
      </c>
      <c r="J360" s="3" t="s">
        <v>285</v>
      </c>
      <c r="K360" s="4">
        <v>43388</v>
      </c>
    </row>
    <row r="361" spans="1:11" ht="30" x14ac:dyDescent="0.25">
      <c r="A361" s="6" t="s">
        <v>286</v>
      </c>
      <c r="B361" s="8" t="s">
        <v>12</v>
      </c>
      <c r="C361" s="8" t="s">
        <v>287</v>
      </c>
      <c r="D361" s="8">
        <v>1777</v>
      </c>
      <c r="E361" s="3" t="s">
        <v>288</v>
      </c>
      <c r="F361" s="6" t="s">
        <v>289</v>
      </c>
      <c r="G361" s="3" t="s">
        <v>16</v>
      </c>
      <c r="H361" s="3" t="s">
        <v>17</v>
      </c>
      <c r="I361" s="3" t="s">
        <v>18</v>
      </c>
      <c r="J361" s="3" t="s">
        <v>290</v>
      </c>
      <c r="K361" s="4">
        <v>43388</v>
      </c>
    </row>
    <row r="362" spans="1:11" ht="60" x14ac:dyDescent="0.25">
      <c r="A362" s="6" t="s">
        <v>381</v>
      </c>
      <c r="B362" s="8" t="s">
        <v>12</v>
      </c>
      <c r="C362" s="8" t="s">
        <v>13</v>
      </c>
      <c r="D362" s="8">
        <v>1511</v>
      </c>
      <c r="E362" s="3" t="s">
        <v>382</v>
      </c>
      <c r="F362" s="6" t="s">
        <v>383</v>
      </c>
      <c r="G362" s="3" t="s">
        <v>16</v>
      </c>
      <c r="H362" s="3" t="s">
        <v>24</v>
      </c>
      <c r="I362" s="3" t="s">
        <v>52</v>
      </c>
      <c r="J362" s="3" t="s">
        <v>384</v>
      </c>
      <c r="K362" s="4">
        <v>43388</v>
      </c>
    </row>
    <row r="363" spans="1:11" ht="165" x14ac:dyDescent="0.25">
      <c r="A363" s="6" t="s">
        <v>385</v>
      </c>
      <c r="B363" s="8" t="s">
        <v>12</v>
      </c>
      <c r="C363" s="8">
        <v>1555</v>
      </c>
      <c r="D363" s="8">
        <v>1555</v>
      </c>
      <c r="E363" s="3" t="s">
        <v>386</v>
      </c>
      <c r="F363" s="6" t="s">
        <v>387</v>
      </c>
      <c r="G363" s="3" t="s">
        <v>16</v>
      </c>
      <c r="H363" s="3" t="s">
        <v>170</v>
      </c>
      <c r="I363" s="3" t="s">
        <v>388</v>
      </c>
      <c r="J363" s="3" t="s">
        <v>389</v>
      </c>
      <c r="K363" s="4">
        <v>43388</v>
      </c>
    </row>
    <row r="364" spans="1:11" x14ac:dyDescent="0.25">
      <c r="A364" s="6" t="s">
        <v>420</v>
      </c>
      <c r="B364" s="8" t="s">
        <v>12</v>
      </c>
      <c r="C364" s="8" t="s">
        <v>13</v>
      </c>
      <c r="D364" s="8">
        <v>1838</v>
      </c>
      <c r="E364" s="3" t="s">
        <v>13</v>
      </c>
      <c r="F364" s="6" t="s">
        <v>421</v>
      </c>
      <c r="G364" s="3" t="s">
        <v>16</v>
      </c>
      <c r="H364" s="3" t="s">
        <v>24</v>
      </c>
      <c r="I364" s="3" t="s">
        <v>57</v>
      </c>
      <c r="J364" s="3" t="s">
        <v>422</v>
      </c>
      <c r="K364" s="4">
        <v>43388</v>
      </c>
    </row>
    <row r="365" spans="1:11" ht="45" x14ac:dyDescent="0.25">
      <c r="A365" s="6" t="s">
        <v>443</v>
      </c>
      <c r="B365" s="8" t="s">
        <v>12</v>
      </c>
      <c r="C365" s="8" t="s">
        <v>13</v>
      </c>
      <c r="D365" s="8">
        <v>1732</v>
      </c>
      <c r="E365" s="3" t="s">
        <v>13</v>
      </c>
      <c r="F365" s="6" t="s">
        <v>444</v>
      </c>
      <c r="G365" s="3" t="s">
        <v>16</v>
      </c>
      <c r="H365" s="3" t="s">
        <v>24</v>
      </c>
      <c r="I365" s="3" t="s">
        <v>13</v>
      </c>
      <c r="J365" s="3" t="s">
        <v>445</v>
      </c>
      <c r="K365" s="4">
        <v>43388</v>
      </c>
    </row>
    <row r="366" spans="1:11" ht="60" x14ac:dyDescent="0.25">
      <c r="A366" s="6" t="s">
        <v>540</v>
      </c>
      <c r="B366" s="8" t="s">
        <v>12</v>
      </c>
      <c r="C366" s="8">
        <v>1821</v>
      </c>
      <c r="D366" s="8">
        <v>1821</v>
      </c>
      <c r="E366" s="3" t="s">
        <v>13</v>
      </c>
      <c r="F366" s="6" t="s">
        <v>541</v>
      </c>
      <c r="G366" s="3" t="s">
        <v>16</v>
      </c>
      <c r="H366" s="3" t="s">
        <v>24</v>
      </c>
      <c r="I366" s="3" t="s">
        <v>542</v>
      </c>
      <c r="J366" s="3" t="s">
        <v>543</v>
      </c>
      <c r="K366" s="4">
        <v>43388</v>
      </c>
    </row>
    <row r="367" spans="1:11" x14ac:dyDescent="0.25">
      <c r="A367" s="6" t="s">
        <v>560</v>
      </c>
      <c r="B367" s="8" t="s">
        <v>12</v>
      </c>
      <c r="C367" s="8">
        <v>1803</v>
      </c>
      <c r="D367" s="8">
        <v>1803</v>
      </c>
      <c r="E367" s="3" t="s">
        <v>13</v>
      </c>
      <c r="F367" s="6" t="s">
        <v>561</v>
      </c>
      <c r="G367" s="3" t="s">
        <v>16</v>
      </c>
      <c r="H367" s="3" t="s">
        <v>24</v>
      </c>
      <c r="I367" s="3" t="s">
        <v>250</v>
      </c>
      <c r="J367" s="3" t="s">
        <v>562</v>
      </c>
      <c r="K367" s="4">
        <v>43388</v>
      </c>
    </row>
    <row r="368" spans="1:11" ht="45" x14ac:dyDescent="0.25">
      <c r="A368" s="6" t="s">
        <v>680</v>
      </c>
      <c r="B368" s="8" t="s">
        <v>12</v>
      </c>
      <c r="C368" s="8" t="s">
        <v>331</v>
      </c>
      <c r="D368" s="8">
        <v>1664</v>
      </c>
      <c r="E368" s="3" t="s">
        <v>681</v>
      </c>
      <c r="F368" s="6" t="s">
        <v>682</v>
      </c>
      <c r="G368" s="3" t="s">
        <v>16</v>
      </c>
      <c r="H368" s="3" t="s">
        <v>24</v>
      </c>
      <c r="I368" s="3" t="s">
        <v>57</v>
      </c>
      <c r="J368" s="3" t="s">
        <v>13</v>
      </c>
      <c r="K368" s="4">
        <v>43388</v>
      </c>
    </row>
    <row r="369" spans="1:11" ht="30" x14ac:dyDescent="0.25">
      <c r="A369" s="6" t="s">
        <v>683</v>
      </c>
      <c r="B369" s="8" t="s">
        <v>12</v>
      </c>
      <c r="C369" s="8">
        <v>1773</v>
      </c>
      <c r="D369" s="8">
        <v>1773</v>
      </c>
      <c r="E369" s="3" t="s">
        <v>684</v>
      </c>
      <c r="F369" s="6" t="s">
        <v>685</v>
      </c>
      <c r="G369" s="3" t="s">
        <v>16</v>
      </c>
      <c r="H369" s="3" t="s">
        <v>17</v>
      </c>
      <c r="I369" s="3" t="s">
        <v>18</v>
      </c>
      <c r="J369" s="3" t="s">
        <v>686</v>
      </c>
      <c r="K369" s="4">
        <v>43388</v>
      </c>
    </row>
    <row r="370" spans="1:11" ht="45" x14ac:dyDescent="0.25">
      <c r="A370" s="6" t="s">
        <v>723</v>
      </c>
      <c r="B370" s="8" t="s">
        <v>12</v>
      </c>
      <c r="C370" s="8" t="s">
        <v>407</v>
      </c>
      <c r="D370" s="8">
        <v>1837</v>
      </c>
      <c r="E370" s="3" t="s">
        <v>13</v>
      </c>
      <c r="F370" s="6" t="s">
        <v>724</v>
      </c>
      <c r="G370" s="3" t="s">
        <v>16</v>
      </c>
      <c r="H370" s="3" t="s">
        <v>24</v>
      </c>
      <c r="I370" s="3" t="s">
        <v>57</v>
      </c>
      <c r="J370" s="3" t="s">
        <v>725</v>
      </c>
      <c r="K370" s="4">
        <v>43388</v>
      </c>
    </row>
    <row r="371" spans="1:11" ht="60" x14ac:dyDescent="0.25">
      <c r="A371" s="6" t="s">
        <v>731</v>
      </c>
      <c r="B371" s="8" t="s">
        <v>12</v>
      </c>
      <c r="C371" s="8">
        <v>1857</v>
      </c>
      <c r="D371" s="8">
        <v>1857</v>
      </c>
      <c r="E371" s="3" t="s">
        <v>732</v>
      </c>
      <c r="F371" s="6" t="s">
        <v>733</v>
      </c>
      <c r="G371" s="3" t="s">
        <v>16</v>
      </c>
      <c r="H371" s="3" t="s">
        <v>244</v>
      </c>
      <c r="I371" s="3" t="s">
        <v>57</v>
      </c>
      <c r="J371" s="3" t="s">
        <v>734</v>
      </c>
      <c r="K371" s="4">
        <v>43388</v>
      </c>
    </row>
    <row r="372" spans="1:11" ht="45" x14ac:dyDescent="0.25">
      <c r="A372" s="6" t="s">
        <v>772</v>
      </c>
      <c r="B372" s="8" t="s">
        <v>12</v>
      </c>
      <c r="C372" s="8" t="s">
        <v>664</v>
      </c>
      <c r="D372" s="8">
        <v>1659</v>
      </c>
      <c r="E372" s="3" t="s">
        <v>773</v>
      </c>
      <c r="F372" s="6" t="s">
        <v>774</v>
      </c>
      <c r="G372" s="3" t="s">
        <v>16</v>
      </c>
      <c r="H372" s="3" t="s">
        <v>24</v>
      </c>
      <c r="I372" s="3" t="s">
        <v>57</v>
      </c>
      <c r="J372" s="3" t="s">
        <v>13</v>
      </c>
      <c r="K372" s="4">
        <v>43388</v>
      </c>
    </row>
    <row r="373" spans="1:11" ht="150" x14ac:dyDescent="0.25">
      <c r="A373" s="6" t="s">
        <v>779</v>
      </c>
      <c r="B373" s="8" t="s">
        <v>12</v>
      </c>
      <c r="C373" s="8" t="s">
        <v>652</v>
      </c>
      <c r="D373" s="8">
        <v>1555</v>
      </c>
      <c r="E373" s="3" t="s">
        <v>780</v>
      </c>
      <c r="F373" s="6" t="s">
        <v>781</v>
      </c>
      <c r="G373" s="3" t="s">
        <v>16</v>
      </c>
      <c r="H373" s="3" t="s">
        <v>30</v>
      </c>
      <c r="I373" s="3" t="s">
        <v>182</v>
      </c>
      <c r="J373" s="3" t="s">
        <v>782</v>
      </c>
      <c r="K373" s="4">
        <v>43388</v>
      </c>
    </row>
    <row r="374" spans="1:11" x14ac:dyDescent="0.25">
      <c r="A374" s="6" t="s">
        <v>900</v>
      </c>
      <c r="B374" s="8" t="s">
        <v>12</v>
      </c>
      <c r="C374" s="8" t="s">
        <v>901</v>
      </c>
      <c r="D374" s="8" t="s">
        <v>902</v>
      </c>
      <c r="E374" s="3" t="s">
        <v>903</v>
      </c>
      <c r="F374" s="6" t="s">
        <v>904</v>
      </c>
      <c r="G374" s="3" t="s">
        <v>16</v>
      </c>
      <c r="H374" s="3" t="s">
        <v>24</v>
      </c>
      <c r="I374" s="3" t="s">
        <v>57</v>
      </c>
      <c r="J374" s="3" t="s">
        <v>13</v>
      </c>
      <c r="K374" s="4">
        <v>43388</v>
      </c>
    </row>
    <row r="375" spans="1:11" ht="45" x14ac:dyDescent="0.25">
      <c r="A375" s="6" t="s">
        <v>939</v>
      </c>
      <c r="B375" s="8" t="s">
        <v>12</v>
      </c>
      <c r="C375" s="8" t="s">
        <v>940</v>
      </c>
      <c r="D375" s="8" t="s">
        <v>941</v>
      </c>
      <c r="E375" s="3" t="s">
        <v>942</v>
      </c>
      <c r="F375" s="6" t="s">
        <v>943</v>
      </c>
      <c r="G375" s="3" t="s">
        <v>16</v>
      </c>
      <c r="H375" s="3" t="s">
        <v>24</v>
      </c>
      <c r="I375" s="3" t="s">
        <v>57</v>
      </c>
      <c r="J375" s="3" t="s">
        <v>13</v>
      </c>
      <c r="K375" s="4">
        <v>43388</v>
      </c>
    </row>
    <row r="376" spans="1:11" ht="30" x14ac:dyDescent="0.25">
      <c r="A376" s="6" t="s">
        <v>959</v>
      </c>
      <c r="B376" s="8" t="s">
        <v>12</v>
      </c>
      <c r="C376" s="8" t="s">
        <v>960</v>
      </c>
      <c r="D376" s="8">
        <v>1665</v>
      </c>
      <c r="E376" s="3" t="s">
        <v>961</v>
      </c>
      <c r="F376" s="6" t="s">
        <v>962</v>
      </c>
      <c r="G376" s="3" t="s">
        <v>16</v>
      </c>
      <c r="H376" s="3" t="s">
        <v>302</v>
      </c>
      <c r="I376" s="3" t="s">
        <v>809</v>
      </c>
      <c r="J376" s="3" t="s">
        <v>963</v>
      </c>
      <c r="K376" s="4">
        <v>43388</v>
      </c>
    </row>
    <row r="377" spans="1:11" ht="45" x14ac:dyDescent="0.25">
      <c r="A377" s="6" t="s">
        <v>1022</v>
      </c>
      <c r="B377" s="8" t="s">
        <v>12</v>
      </c>
      <c r="C377" s="8" t="s">
        <v>1023</v>
      </c>
      <c r="D377" s="8" t="s">
        <v>1024</v>
      </c>
      <c r="E377" s="3" t="s">
        <v>50</v>
      </c>
      <c r="F377" s="6" t="s">
        <v>1025</v>
      </c>
      <c r="G377" s="3" t="s">
        <v>16</v>
      </c>
      <c r="H377" s="3" t="s">
        <v>170</v>
      </c>
      <c r="I377" s="3" t="s">
        <v>52</v>
      </c>
      <c r="J377" s="3" t="s">
        <v>13</v>
      </c>
      <c r="K377" s="4">
        <v>43388</v>
      </c>
    </row>
    <row r="378" spans="1:11" x14ac:dyDescent="0.25">
      <c r="A378" s="6" t="s">
        <v>1221</v>
      </c>
      <c r="B378" s="8" t="s">
        <v>12</v>
      </c>
      <c r="C378" s="8" t="s">
        <v>1222</v>
      </c>
      <c r="D378" s="8">
        <v>1810</v>
      </c>
      <c r="E378" s="3" t="s">
        <v>13</v>
      </c>
      <c r="F378" s="6" t="s">
        <v>1223</v>
      </c>
      <c r="G378" s="3" t="s">
        <v>16</v>
      </c>
      <c r="H378" s="3" t="s">
        <v>24</v>
      </c>
      <c r="I378" s="3" t="s">
        <v>250</v>
      </c>
      <c r="J378" s="3" t="s">
        <v>1224</v>
      </c>
      <c r="K378" s="4">
        <v>43388</v>
      </c>
    </row>
    <row r="379" spans="1:11" ht="45" x14ac:dyDescent="0.25">
      <c r="A379" s="6" t="s">
        <v>1302</v>
      </c>
      <c r="B379" s="8" t="s">
        <v>12</v>
      </c>
      <c r="C379" s="8">
        <v>1666</v>
      </c>
      <c r="D379" s="8">
        <v>1666</v>
      </c>
      <c r="E379" s="3" t="s">
        <v>1303</v>
      </c>
      <c r="F379" s="6" t="s">
        <v>1304</v>
      </c>
      <c r="G379" s="3" t="s">
        <v>16</v>
      </c>
      <c r="H379" s="3" t="s">
        <v>24</v>
      </c>
      <c r="I379" s="3" t="s">
        <v>57</v>
      </c>
      <c r="J379" s="3" t="s">
        <v>13</v>
      </c>
      <c r="K379" s="4">
        <v>43388</v>
      </c>
    </row>
    <row r="380" spans="1:11" ht="105" x14ac:dyDescent="0.25">
      <c r="A380" s="6" t="s">
        <v>1366</v>
      </c>
      <c r="B380" s="8" t="s">
        <v>12</v>
      </c>
      <c r="C380" s="8" t="s">
        <v>13</v>
      </c>
      <c r="D380" s="8">
        <v>1706</v>
      </c>
      <c r="E380" s="3" t="s">
        <v>1367</v>
      </c>
      <c r="F380" s="6" t="s">
        <v>1368</v>
      </c>
      <c r="G380" s="3" t="s">
        <v>16</v>
      </c>
      <c r="H380" s="3" t="s">
        <v>24</v>
      </c>
      <c r="I380" s="3" t="s">
        <v>1369</v>
      </c>
      <c r="J380" s="3" t="s">
        <v>13</v>
      </c>
      <c r="K380" s="4">
        <v>43388</v>
      </c>
    </row>
    <row r="381" spans="1:11" ht="30" x14ac:dyDescent="0.25">
      <c r="A381" s="6" t="s">
        <v>1406</v>
      </c>
      <c r="B381" s="8" t="s">
        <v>12</v>
      </c>
      <c r="C381" s="8">
        <v>1706</v>
      </c>
      <c r="D381" s="8">
        <v>1706</v>
      </c>
      <c r="E381" s="3" t="s">
        <v>1407</v>
      </c>
      <c r="F381" s="6" t="s">
        <v>1408</v>
      </c>
      <c r="G381" s="3" t="s">
        <v>16</v>
      </c>
      <c r="H381" s="3" t="s">
        <v>30</v>
      </c>
      <c r="I381" s="3" t="s">
        <v>57</v>
      </c>
      <c r="J381" s="3" t="s">
        <v>13</v>
      </c>
      <c r="K381" s="4">
        <v>43388</v>
      </c>
    </row>
    <row r="382" spans="1:11" x14ac:dyDescent="0.25">
      <c r="A382" s="6" t="s">
        <v>1413</v>
      </c>
      <c r="B382" s="8" t="s">
        <v>12</v>
      </c>
      <c r="C382" s="8">
        <v>1558</v>
      </c>
      <c r="D382" s="8">
        <v>1558</v>
      </c>
      <c r="E382" s="3" t="s">
        <v>392</v>
      </c>
      <c r="F382" s="6" t="s">
        <v>1414</v>
      </c>
      <c r="G382" s="3" t="s">
        <v>16</v>
      </c>
      <c r="H382" s="3" t="s">
        <v>538</v>
      </c>
      <c r="I382" s="3" t="s">
        <v>52</v>
      </c>
      <c r="J382" s="3"/>
      <c r="K382" s="4">
        <v>43388</v>
      </c>
    </row>
    <row r="383" spans="1:11" ht="60" x14ac:dyDescent="0.25">
      <c r="A383" s="6" t="s">
        <v>1499</v>
      </c>
      <c r="B383" s="8" t="s">
        <v>12</v>
      </c>
      <c r="C383" s="8" t="s">
        <v>1500</v>
      </c>
      <c r="D383" s="8" t="s">
        <v>1501</v>
      </c>
      <c r="E383" s="3" t="s">
        <v>1502</v>
      </c>
      <c r="F383" s="6" t="s">
        <v>1503</v>
      </c>
      <c r="G383" s="3" t="s">
        <v>16</v>
      </c>
      <c r="H383" s="3" t="s">
        <v>24</v>
      </c>
      <c r="I383" s="3" t="s">
        <v>52</v>
      </c>
      <c r="J383" s="3" t="s">
        <v>13</v>
      </c>
      <c r="K383" s="4">
        <v>43388</v>
      </c>
    </row>
    <row r="384" spans="1:11" x14ac:dyDescent="0.25">
      <c r="A384" s="6" t="s">
        <v>1547</v>
      </c>
      <c r="B384" s="8" t="s">
        <v>12</v>
      </c>
      <c r="C384" s="8">
        <v>1574</v>
      </c>
      <c r="D384" s="8">
        <v>1574</v>
      </c>
      <c r="E384" s="3" t="s">
        <v>1548</v>
      </c>
      <c r="F384" s="6" t="s">
        <v>1549</v>
      </c>
      <c r="G384" s="3" t="s">
        <v>16</v>
      </c>
      <c r="H384" s="3" t="s">
        <v>24</v>
      </c>
      <c r="I384" s="3" t="s">
        <v>62</v>
      </c>
      <c r="J384" s="3" t="s">
        <v>1550</v>
      </c>
      <c r="K384" s="4">
        <v>43388</v>
      </c>
    </row>
    <row r="385" spans="1:11" x14ac:dyDescent="0.25">
      <c r="A385" s="6" t="s">
        <v>1596</v>
      </c>
      <c r="B385" s="8" t="s">
        <v>12</v>
      </c>
      <c r="C385" s="8" t="s">
        <v>1597</v>
      </c>
      <c r="D385" s="8">
        <v>1716</v>
      </c>
      <c r="E385" s="3" t="s">
        <v>1598</v>
      </c>
      <c r="F385" s="6" t="s">
        <v>1599</v>
      </c>
      <c r="G385" s="3" t="s">
        <v>16</v>
      </c>
      <c r="H385" s="3" t="s">
        <v>24</v>
      </c>
      <c r="I385" s="3" t="s">
        <v>57</v>
      </c>
      <c r="J385" s="3" t="s">
        <v>13</v>
      </c>
      <c r="K385" s="4">
        <v>43388</v>
      </c>
    </row>
    <row r="386" spans="1:11" ht="45" x14ac:dyDescent="0.25">
      <c r="A386" s="6" t="s">
        <v>1655</v>
      </c>
      <c r="B386" s="8" t="s">
        <v>12</v>
      </c>
      <c r="C386" s="8" t="s">
        <v>1430</v>
      </c>
      <c r="D386" s="8">
        <v>1848</v>
      </c>
      <c r="E386" s="3" t="s">
        <v>1656</v>
      </c>
      <c r="F386" s="6" t="s">
        <v>1657</v>
      </c>
      <c r="G386" s="3" t="s">
        <v>16</v>
      </c>
      <c r="H386" s="3" t="s">
        <v>24</v>
      </c>
      <c r="I386" s="3" t="s">
        <v>57</v>
      </c>
      <c r="J386" s="3" t="s">
        <v>1658</v>
      </c>
      <c r="K386" s="4">
        <v>43388</v>
      </c>
    </row>
    <row r="387" spans="1:11" ht="150" x14ac:dyDescent="0.25">
      <c r="A387" s="6" t="s">
        <v>1733</v>
      </c>
      <c r="B387" s="8" t="s">
        <v>12</v>
      </c>
      <c r="C387" s="8" t="s">
        <v>13</v>
      </c>
      <c r="D387" s="8">
        <v>1503</v>
      </c>
      <c r="E387" s="3" t="s">
        <v>1734</v>
      </c>
      <c r="F387" s="6" t="s">
        <v>1735</v>
      </c>
      <c r="G387" s="3" t="s">
        <v>16</v>
      </c>
      <c r="H387" s="3" t="s">
        <v>24</v>
      </c>
      <c r="I387" s="3" t="s">
        <v>57</v>
      </c>
      <c r="J387" s="3" t="s">
        <v>1736</v>
      </c>
      <c r="K387" s="4">
        <v>43388</v>
      </c>
    </row>
    <row r="388" spans="1:11" ht="45" x14ac:dyDescent="0.25">
      <c r="A388" s="6" t="s">
        <v>1763</v>
      </c>
      <c r="B388" s="8" t="s">
        <v>12</v>
      </c>
      <c r="C388" s="8" t="s">
        <v>13</v>
      </c>
      <c r="D388" s="8">
        <v>1811</v>
      </c>
      <c r="E388" s="3" t="s">
        <v>13</v>
      </c>
      <c r="F388" s="6" t="s">
        <v>1764</v>
      </c>
      <c r="G388" s="3" t="s">
        <v>16</v>
      </c>
      <c r="H388" s="3" t="s">
        <v>24</v>
      </c>
      <c r="I388" s="3" t="s">
        <v>57</v>
      </c>
      <c r="J388" s="3" t="s">
        <v>1765</v>
      </c>
      <c r="K388" s="4">
        <v>43388</v>
      </c>
    </row>
    <row r="389" spans="1:11" ht="120" x14ac:dyDescent="0.25">
      <c r="A389" s="6" t="s">
        <v>1788</v>
      </c>
      <c r="B389" s="8" t="s">
        <v>12</v>
      </c>
      <c r="C389" s="8" t="s">
        <v>13</v>
      </c>
      <c r="D389" s="8">
        <v>1561</v>
      </c>
      <c r="E389" s="3" t="s">
        <v>1789</v>
      </c>
      <c r="F389" s="6" t="s">
        <v>1790</v>
      </c>
      <c r="G389" s="3" t="s">
        <v>16</v>
      </c>
      <c r="H389" s="3" t="s">
        <v>538</v>
      </c>
      <c r="I389" s="3" t="s">
        <v>182</v>
      </c>
      <c r="J389" s="3"/>
      <c r="K389" s="4">
        <v>43388</v>
      </c>
    </row>
    <row r="390" spans="1:11" ht="30" x14ac:dyDescent="0.25">
      <c r="A390" s="6" t="s">
        <v>1791</v>
      </c>
      <c r="B390" s="8" t="s">
        <v>12</v>
      </c>
      <c r="C390" s="8" t="s">
        <v>1792</v>
      </c>
      <c r="D390" s="8" t="s">
        <v>1793</v>
      </c>
      <c r="E390" s="3" t="s">
        <v>1794</v>
      </c>
      <c r="F390" s="6" t="s">
        <v>1795</v>
      </c>
      <c r="G390" s="3" t="s">
        <v>16</v>
      </c>
      <c r="H390" s="3" t="s">
        <v>24</v>
      </c>
      <c r="I390" s="3" t="s">
        <v>57</v>
      </c>
      <c r="J390" s="3" t="s">
        <v>1796</v>
      </c>
      <c r="K390" s="4">
        <v>43388</v>
      </c>
    </row>
    <row r="391" spans="1:11" ht="45" x14ac:dyDescent="0.25">
      <c r="A391" s="6" t="s">
        <v>1827</v>
      </c>
      <c r="B391" s="8" t="s">
        <v>12</v>
      </c>
      <c r="C391" s="8" t="s">
        <v>1607</v>
      </c>
      <c r="D391" s="8">
        <v>1710</v>
      </c>
      <c r="E391" s="3" t="s">
        <v>269</v>
      </c>
      <c r="F391" s="6" t="s">
        <v>1828</v>
      </c>
      <c r="G391" s="3" t="s">
        <v>16</v>
      </c>
      <c r="H391" s="3" t="s">
        <v>24</v>
      </c>
      <c r="I391" s="3" t="s">
        <v>57</v>
      </c>
      <c r="J391" s="3" t="s">
        <v>1829</v>
      </c>
      <c r="K391" s="4">
        <v>43388</v>
      </c>
    </row>
    <row r="392" spans="1:11" x14ac:dyDescent="0.25">
      <c r="A392" s="6" t="s">
        <v>1835</v>
      </c>
      <c r="B392" s="8" t="s">
        <v>12</v>
      </c>
      <c r="C392" s="8" t="s">
        <v>1552</v>
      </c>
      <c r="D392" s="8">
        <v>1797</v>
      </c>
      <c r="E392" s="3" t="s">
        <v>784</v>
      </c>
      <c r="F392" s="6" t="s">
        <v>1836</v>
      </c>
      <c r="G392" s="3" t="s">
        <v>16</v>
      </c>
      <c r="H392" s="3" t="s">
        <v>24</v>
      </c>
      <c r="I392" s="3" t="s">
        <v>250</v>
      </c>
      <c r="J392" s="3" t="s">
        <v>1837</v>
      </c>
      <c r="K392" s="4">
        <v>43388</v>
      </c>
    </row>
    <row r="393" spans="1:11" x14ac:dyDescent="0.25">
      <c r="A393" s="6" t="s">
        <v>1847</v>
      </c>
      <c r="B393" s="8" t="s">
        <v>12</v>
      </c>
      <c r="C393" s="8" t="s">
        <v>1848</v>
      </c>
      <c r="D393" s="8" t="s">
        <v>1849</v>
      </c>
      <c r="E393" s="3" t="s">
        <v>454</v>
      </c>
      <c r="F393" s="6" t="s">
        <v>1850</v>
      </c>
      <c r="G393" s="3" t="s">
        <v>16</v>
      </c>
      <c r="H393" s="3" t="s">
        <v>24</v>
      </c>
      <c r="I393" s="3" t="s">
        <v>57</v>
      </c>
      <c r="J393" s="3" t="s">
        <v>13</v>
      </c>
      <c r="K393" s="4">
        <v>43388</v>
      </c>
    </row>
    <row r="394" spans="1:11" ht="30" x14ac:dyDescent="0.25">
      <c r="A394" s="6" t="s">
        <v>1851</v>
      </c>
      <c r="B394" s="8" t="s">
        <v>12</v>
      </c>
      <c r="C394" s="8" t="s">
        <v>13</v>
      </c>
      <c r="D394" s="8">
        <v>1675</v>
      </c>
      <c r="E394" s="3" t="s">
        <v>1852</v>
      </c>
      <c r="F394" s="6" t="s">
        <v>1853</v>
      </c>
      <c r="G394" s="3" t="s">
        <v>16</v>
      </c>
      <c r="H394" s="3" t="s">
        <v>24</v>
      </c>
      <c r="I394" s="3" t="s">
        <v>739</v>
      </c>
      <c r="J394" s="3" t="s">
        <v>1854</v>
      </c>
      <c r="K394" s="4">
        <v>43388</v>
      </c>
    </row>
    <row r="395" spans="1:11" ht="30" x14ac:dyDescent="0.25">
      <c r="A395" s="6" t="s">
        <v>1944</v>
      </c>
      <c r="B395" s="8" t="s">
        <v>12</v>
      </c>
      <c r="C395" s="8" t="s">
        <v>1945</v>
      </c>
      <c r="D395" s="8">
        <v>1643</v>
      </c>
      <c r="E395" s="3" t="s">
        <v>1946</v>
      </c>
      <c r="F395" s="6" t="s">
        <v>1947</v>
      </c>
      <c r="G395" s="3" t="s">
        <v>16</v>
      </c>
      <c r="H395" s="3" t="s">
        <v>24</v>
      </c>
      <c r="I395" s="3" t="s">
        <v>57</v>
      </c>
      <c r="J395" s="3" t="s">
        <v>1948</v>
      </c>
      <c r="K395" s="4">
        <v>43388</v>
      </c>
    </row>
    <row r="396" spans="1:11" ht="105" x14ac:dyDescent="0.25">
      <c r="A396" s="6" t="s">
        <v>1958</v>
      </c>
      <c r="B396" s="8" t="s">
        <v>12</v>
      </c>
      <c r="C396" s="8" t="s">
        <v>893</v>
      </c>
      <c r="D396" s="8">
        <v>1688</v>
      </c>
      <c r="E396" s="3" t="s">
        <v>224</v>
      </c>
      <c r="F396" s="6" t="s">
        <v>1959</v>
      </c>
      <c r="G396" s="3" t="s">
        <v>16</v>
      </c>
      <c r="H396" s="3" t="s">
        <v>24</v>
      </c>
      <c r="I396" s="3" t="s">
        <v>226</v>
      </c>
      <c r="J396" s="3" t="s">
        <v>1960</v>
      </c>
      <c r="K396" s="4">
        <v>43388</v>
      </c>
    </row>
    <row r="397" spans="1:11" x14ac:dyDescent="0.25">
      <c r="A397" s="6" t="s">
        <v>1975</v>
      </c>
      <c r="B397" s="8" t="s">
        <v>12</v>
      </c>
      <c r="C397" s="8" t="s">
        <v>1976</v>
      </c>
      <c r="D397" s="8" t="s">
        <v>1977</v>
      </c>
      <c r="E397" s="3" t="s">
        <v>1978</v>
      </c>
      <c r="F397" s="6" t="s">
        <v>1979</v>
      </c>
      <c r="G397" s="3" t="s">
        <v>16</v>
      </c>
      <c r="H397" s="3" t="s">
        <v>24</v>
      </c>
      <c r="I397" s="3" t="s">
        <v>52</v>
      </c>
      <c r="J397" s="3" t="s">
        <v>1980</v>
      </c>
      <c r="K397" s="4">
        <v>43388</v>
      </c>
    </row>
    <row r="398" spans="1:11" ht="120" x14ac:dyDescent="0.25">
      <c r="A398" s="6" t="s">
        <v>2004</v>
      </c>
      <c r="B398" s="8" t="s">
        <v>12</v>
      </c>
      <c r="C398" s="8" t="s">
        <v>2005</v>
      </c>
      <c r="D398" s="8" t="s">
        <v>2006</v>
      </c>
      <c r="E398" s="3" t="s">
        <v>13</v>
      </c>
      <c r="F398" s="6" t="s">
        <v>2007</v>
      </c>
      <c r="G398" s="3" t="s">
        <v>16</v>
      </c>
      <c r="H398" s="3" t="s">
        <v>17</v>
      </c>
      <c r="I398" s="3" t="s">
        <v>121</v>
      </c>
      <c r="J398" s="3" t="s">
        <v>13</v>
      </c>
      <c r="K398" s="4">
        <v>43388</v>
      </c>
    </row>
    <row r="399" spans="1:11" x14ac:dyDescent="0.25">
      <c r="A399" s="6" t="s">
        <v>2092</v>
      </c>
      <c r="B399" s="8" t="s">
        <v>12</v>
      </c>
      <c r="C399" s="8" t="s">
        <v>1040</v>
      </c>
      <c r="D399" s="8">
        <v>1547</v>
      </c>
      <c r="E399" s="3" t="s">
        <v>2093</v>
      </c>
      <c r="F399" s="6" t="s">
        <v>1261</v>
      </c>
      <c r="G399" s="3" t="s">
        <v>16</v>
      </c>
      <c r="H399" s="3" t="s">
        <v>30</v>
      </c>
      <c r="I399" s="3" t="s">
        <v>2094</v>
      </c>
      <c r="J399" s="3" t="s">
        <v>2095</v>
      </c>
      <c r="K399" s="4">
        <v>43388</v>
      </c>
    </row>
    <row r="400" spans="1:11" x14ac:dyDescent="0.25">
      <c r="A400" s="6" t="s">
        <v>2100</v>
      </c>
      <c r="B400" s="8" t="s">
        <v>12</v>
      </c>
      <c r="C400" s="8">
        <v>1641</v>
      </c>
      <c r="D400" s="8">
        <v>1641</v>
      </c>
      <c r="E400" s="3" t="s">
        <v>2101</v>
      </c>
      <c r="F400" s="6" t="s">
        <v>2102</v>
      </c>
      <c r="G400" s="3" t="s">
        <v>16</v>
      </c>
      <c r="H400" s="3" t="s">
        <v>24</v>
      </c>
      <c r="I400" s="3" t="s">
        <v>18</v>
      </c>
      <c r="J400" s="3" t="s">
        <v>2103</v>
      </c>
      <c r="K400" s="4">
        <v>43388</v>
      </c>
    </row>
    <row r="401" spans="1:11" ht="45" x14ac:dyDescent="0.25">
      <c r="A401" s="6" t="s">
        <v>2136</v>
      </c>
      <c r="B401" s="8" t="s">
        <v>12</v>
      </c>
      <c r="C401" s="8" t="s">
        <v>1229</v>
      </c>
      <c r="D401" s="8">
        <v>1686</v>
      </c>
      <c r="E401" s="3" t="s">
        <v>2137</v>
      </c>
      <c r="F401" s="6" t="s">
        <v>2138</v>
      </c>
      <c r="G401" s="3" t="s">
        <v>16</v>
      </c>
      <c r="H401" s="3" t="s">
        <v>24</v>
      </c>
      <c r="I401" s="3" t="s">
        <v>57</v>
      </c>
      <c r="J401" s="3" t="s">
        <v>13</v>
      </c>
      <c r="K401" s="4">
        <v>43388</v>
      </c>
    </row>
    <row r="402" spans="1:11" ht="120" x14ac:dyDescent="0.25">
      <c r="A402" s="6" t="s">
        <v>2139</v>
      </c>
      <c r="B402" s="8" t="s">
        <v>12</v>
      </c>
      <c r="C402" s="8" t="s">
        <v>2140</v>
      </c>
      <c r="D402" s="8">
        <v>1852</v>
      </c>
      <c r="E402" s="3" t="s">
        <v>13</v>
      </c>
      <c r="F402" s="6" t="s">
        <v>2141</v>
      </c>
      <c r="G402" s="3" t="s">
        <v>16</v>
      </c>
      <c r="H402" s="3" t="s">
        <v>17</v>
      </c>
      <c r="I402" s="3" t="s">
        <v>18</v>
      </c>
      <c r="J402" s="3" t="s">
        <v>13</v>
      </c>
      <c r="K402" s="4">
        <v>43388</v>
      </c>
    </row>
    <row r="403" spans="1:11" ht="30" x14ac:dyDescent="0.25">
      <c r="A403" s="6" t="s">
        <v>2142</v>
      </c>
      <c r="B403" s="8" t="s">
        <v>12</v>
      </c>
      <c r="C403" s="8" t="s">
        <v>2143</v>
      </c>
      <c r="D403" s="8">
        <v>1675</v>
      </c>
      <c r="E403" s="3" t="s">
        <v>2144</v>
      </c>
      <c r="F403" s="6" t="s">
        <v>2145</v>
      </c>
      <c r="G403" s="3" t="s">
        <v>16</v>
      </c>
      <c r="H403" s="3" t="s">
        <v>24</v>
      </c>
      <c r="I403" s="3" t="s">
        <v>57</v>
      </c>
      <c r="J403" s="3" t="s">
        <v>2146</v>
      </c>
      <c r="K403" s="4">
        <v>43388</v>
      </c>
    </row>
    <row r="404" spans="1:11" ht="30" x14ac:dyDescent="0.25">
      <c r="A404" s="6" t="s">
        <v>2151</v>
      </c>
      <c r="B404" s="8" t="s">
        <v>12</v>
      </c>
      <c r="C404" s="8" t="s">
        <v>261</v>
      </c>
      <c r="D404" s="8">
        <v>1538</v>
      </c>
      <c r="E404" s="3" t="s">
        <v>2152</v>
      </c>
      <c r="F404" s="6" t="s">
        <v>263</v>
      </c>
      <c r="G404" s="3" t="s">
        <v>16</v>
      </c>
      <c r="H404" s="3" t="s">
        <v>30</v>
      </c>
      <c r="I404" s="3" t="s">
        <v>858</v>
      </c>
      <c r="J404" s="3"/>
      <c r="K404" s="4">
        <v>43388</v>
      </c>
    </row>
    <row r="405" spans="1:11" ht="90" x14ac:dyDescent="0.25">
      <c r="A405" s="6" t="s">
        <v>2175</v>
      </c>
      <c r="B405" s="8" t="s">
        <v>12</v>
      </c>
      <c r="C405" s="8" t="s">
        <v>652</v>
      </c>
      <c r="D405" s="8">
        <v>1765</v>
      </c>
      <c r="E405" s="3" t="s">
        <v>2176</v>
      </c>
      <c r="F405" s="6" t="s">
        <v>2177</v>
      </c>
      <c r="G405" s="3" t="s">
        <v>16</v>
      </c>
      <c r="H405" s="3" t="s">
        <v>170</v>
      </c>
      <c r="I405" s="3" t="s">
        <v>18</v>
      </c>
      <c r="J405" s="3" t="s">
        <v>2178</v>
      </c>
      <c r="K405" s="4">
        <v>43388</v>
      </c>
    </row>
    <row r="406" spans="1:11" ht="45" x14ac:dyDescent="0.25">
      <c r="A406" s="6" t="s">
        <v>2203</v>
      </c>
      <c r="B406" s="8" t="s">
        <v>12</v>
      </c>
      <c r="C406" s="8" t="s">
        <v>2204</v>
      </c>
      <c r="D406" s="8" t="s">
        <v>2204</v>
      </c>
      <c r="E406" s="3" t="s">
        <v>13</v>
      </c>
      <c r="F406" s="6" t="s">
        <v>2205</v>
      </c>
      <c r="G406" s="3" t="s">
        <v>16</v>
      </c>
      <c r="H406" s="3" t="s">
        <v>17</v>
      </c>
      <c r="I406" s="3" t="s">
        <v>1573</v>
      </c>
      <c r="J406" s="3" t="s">
        <v>2206</v>
      </c>
      <c r="K406" s="4">
        <v>43388</v>
      </c>
    </row>
    <row r="407" spans="1:11" ht="75" x14ac:dyDescent="0.25">
      <c r="A407" s="6" t="s">
        <v>2207</v>
      </c>
      <c r="B407" s="8" t="s">
        <v>12</v>
      </c>
      <c r="C407" s="8" t="s">
        <v>2208</v>
      </c>
      <c r="D407" s="8">
        <v>1838</v>
      </c>
      <c r="E407" s="3" t="s">
        <v>2209</v>
      </c>
      <c r="F407" s="6" t="s">
        <v>2210</v>
      </c>
      <c r="G407" s="3" t="s">
        <v>16</v>
      </c>
      <c r="H407" s="3" t="s">
        <v>17</v>
      </c>
      <c r="I407" s="3" t="s">
        <v>18</v>
      </c>
      <c r="J407" s="3" t="s">
        <v>2211</v>
      </c>
      <c r="K407" s="4">
        <v>43388</v>
      </c>
    </row>
    <row r="408" spans="1:11" ht="60" x14ac:dyDescent="0.25">
      <c r="A408" s="6" t="s">
        <v>2231</v>
      </c>
      <c r="B408" s="8" t="s">
        <v>12</v>
      </c>
      <c r="C408" s="8" t="s">
        <v>2232</v>
      </c>
      <c r="D408" s="8">
        <v>1681</v>
      </c>
      <c r="E408" s="3" t="s">
        <v>2233</v>
      </c>
      <c r="F408" s="6" t="s">
        <v>2234</v>
      </c>
      <c r="G408" s="3" t="s">
        <v>16</v>
      </c>
      <c r="H408" s="3" t="s">
        <v>24</v>
      </c>
      <c r="I408" s="3" t="s">
        <v>57</v>
      </c>
      <c r="J408" s="3" t="s">
        <v>13</v>
      </c>
      <c r="K408" s="4">
        <v>43388</v>
      </c>
    </row>
    <row r="409" spans="1:11" ht="45" x14ac:dyDescent="0.25">
      <c r="A409" s="6" t="s">
        <v>2288</v>
      </c>
      <c r="B409" s="8" t="s">
        <v>12</v>
      </c>
      <c r="C409" s="8" t="s">
        <v>13</v>
      </c>
      <c r="D409" s="8">
        <v>1707</v>
      </c>
      <c r="E409" s="3" t="s">
        <v>2289</v>
      </c>
      <c r="F409" s="6" t="s">
        <v>2290</v>
      </c>
      <c r="G409" s="3" t="s">
        <v>16</v>
      </c>
      <c r="H409" s="3" t="s">
        <v>24</v>
      </c>
      <c r="I409" s="3" t="s">
        <v>57</v>
      </c>
      <c r="J409" s="3" t="s">
        <v>13</v>
      </c>
      <c r="K409" s="4">
        <v>43388</v>
      </c>
    </row>
    <row r="410" spans="1:11" ht="45" x14ac:dyDescent="0.25">
      <c r="A410" s="6" t="s">
        <v>2299</v>
      </c>
      <c r="B410" s="8" t="s">
        <v>12</v>
      </c>
      <c r="C410" s="8" t="s">
        <v>2300</v>
      </c>
      <c r="D410" s="8" t="s">
        <v>2301</v>
      </c>
      <c r="E410" s="3" t="s">
        <v>454</v>
      </c>
      <c r="F410" s="6" t="s">
        <v>2302</v>
      </c>
      <c r="G410" s="3" t="s">
        <v>16</v>
      </c>
      <c r="H410" s="3" t="s">
        <v>24</v>
      </c>
      <c r="I410" s="3" t="s">
        <v>57</v>
      </c>
      <c r="J410" s="3" t="s">
        <v>13</v>
      </c>
      <c r="K410" s="4">
        <v>43388</v>
      </c>
    </row>
    <row r="411" spans="1:11" ht="45" x14ac:dyDescent="0.25">
      <c r="A411" s="6" t="s">
        <v>2396</v>
      </c>
      <c r="B411" s="8" t="s">
        <v>12</v>
      </c>
      <c r="C411" s="8" t="s">
        <v>13</v>
      </c>
      <c r="D411" s="8">
        <v>1710</v>
      </c>
      <c r="E411" s="3" t="s">
        <v>2397</v>
      </c>
      <c r="F411" s="6" t="s">
        <v>2398</v>
      </c>
      <c r="G411" s="3" t="s">
        <v>16</v>
      </c>
      <c r="H411" s="3" t="s">
        <v>24</v>
      </c>
      <c r="I411" s="3" t="s">
        <v>57</v>
      </c>
      <c r="J411" s="3" t="s">
        <v>2399</v>
      </c>
      <c r="K411" s="4">
        <v>43388</v>
      </c>
    </row>
    <row r="412" spans="1:11" ht="135" x14ac:dyDescent="0.25">
      <c r="A412" s="6" t="s">
        <v>2418</v>
      </c>
      <c r="B412" s="8" t="s">
        <v>12</v>
      </c>
      <c r="C412" s="8">
        <v>1574</v>
      </c>
      <c r="D412" s="8">
        <v>1574</v>
      </c>
      <c r="E412" s="3" t="s">
        <v>2419</v>
      </c>
      <c r="F412" s="6" t="s">
        <v>2420</v>
      </c>
      <c r="G412" s="3" t="s">
        <v>16</v>
      </c>
      <c r="H412" s="3" t="s">
        <v>30</v>
      </c>
      <c r="I412" s="3" t="s">
        <v>264</v>
      </c>
      <c r="J412" s="3" t="s">
        <v>2286</v>
      </c>
      <c r="K412" s="4">
        <v>43388</v>
      </c>
    </row>
    <row r="413" spans="1:11" ht="60" x14ac:dyDescent="0.25">
      <c r="A413" s="6" t="s">
        <v>2445</v>
      </c>
      <c r="B413" s="8" t="s">
        <v>12</v>
      </c>
      <c r="C413" s="8">
        <v>1907</v>
      </c>
      <c r="D413" s="8">
        <v>1907</v>
      </c>
      <c r="E413" s="3" t="s">
        <v>550</v>
      </c>
      <c r="F413" s="6" t="s">
        <v>2446</v>
      </c>
      <c r="G413" s="3" t="s">
        <v>16</v>
      </c>
      <c r="H413" s="3" t="s">
        <v>17</v>
      </c>
      <c r="I413" s="3" t="s">
        <v>18</v>
      </c>
      <c r="J413" s="3" t="s">
        <v>986</v>
      </c>
      <c r="K413" s="4">
        <v>43388</v>
      </c>
    </row>
    <row r="414" spans="1:11" ht="30" x14ac:dyDescent="0.25">
      <c r="A414" s="6" t="s">
        <v>2453</v>
      </c>
      <c r="B414" s="8" t="s">
        <v>12</v>
      </c>
      <c r="C414" s="8" t="s">
        <v>736</v>
      </c>
      <c r="D414" s="8">
        <v>1663</v>
      </c>
      <c r="E414" s="3" t="s">
        <v>1449</v>
      </c>
      <c r="F414" s="6" t="s">
        <v>2454</v>
      </c>
      <c r="G414" s="3" t="s">
        <v>16</v>
      </c>
      <c r="H414" s="3" t="s">
        <v>24</v>
      </c>
      <c r="I414" s="3" t="s">
        <v>57</v>
      </c>
      <c r="J414" s="3" t="s">
        <v>13</v>
      </c>
      <c r="K414" s="4">
        <v>43388</v>
      </c>
    </row>
    <row r="415" spans="1:11" ht="30" x14ac:dyDescent="0.25">
      <c r="A415" s="6" t="s">
        <v>2477</v>
      </c>
      <c r="B415" s="8" t="s">
        <v>12</v>
      </c>
      <c r="C415" s="8" t="s">
        <v>1229</v>
      </c>
      <c r="D415" s="8">
        <v>1686</v>
      </c>
      <c r="E415" s="3" t="s">
        <v>2478</v>
      </c>
      <c r="F415" s="6" t="s">
        <v>2479</v>
      </c>
      <c r="G415" s="3" t="s">
        <v>16</v>
      </c>
      <c r="H415" s="3" t="s">
        <v>24</v>
      </c>
      <c r="I415" s="3" t="s">
        <v>226</v>
      </c>
      <c r="J415" s="3" t="s">
        <v>2480</v>
      </c>
      <c r="K415" s="4">
        <v>43388</v>
      </c>
    </row>
    <row r="416" spans="1:11" ht="30" x14ac:dyDescent="0.25">
      <c r="A416" s="6" t="s">
        <v>2514</v>
      </c>
      <c r="B416" s="8" t="s">
        <v>12</v>
      </c>
      <c r="C416" s="8" t="s">
        <v>2515</v>
      </c>
      <c r="D416" s="8">
        <v>1782</v>
      </c>
      <c r="E416" s="3" t="s">
        <v>2516</v>
      </c>
      <c r="F416" s="6" t="s">
        <v>2517</v>
      </c>
      <c r="G416" s="3" t="s">
        <v>16</v>
      </c>
      <c r="H416" s="3" t="s">
        <v>17</v>
      </c>
      <c r="I416" s="3" t="s">
        <v>1425</v>
      </c>
      <c r="J416" s="3" t="s">
        <v>2518</v>
      </c>
      <c r="K416" s="4">
        <v>43388</v>
      </c>
    </row>
    <row r="417" spans="1:11" x14ac:dyDescent="0.25">
      <c r="A417" s="6" t="s">
        <v>2587</v>
      </c>
      <c r="B417" s="8" t="s">
        <v>12</v>
      </c>
      <c r="C417" s="8" t="s">
        <v>2143</v>
      </c>
      <c r="D417" s="8">
        <v>1675</v>
      </c>
      <c r="E417" s="3" t="s">
        <v>332</v>
      </c>
      <c r="F417" s="6" t="s">
        <v>2588</v>
      </c>
      <c r="G417" s="3" t="s">
        <v>16</v>
      </c>
      <c r="H417" s="3" t="s">
        <v>24</v>
      </c>
      <c r="I417" s="3" t="s">
        <v>226</v>
      </c>
      <c r="J417" s="3" t="s">
        <v>2589</v>
      </c>
      <c r="K417" s="4">
        <v>43388</v>
      </c>
    </row>
    <row r="418" spans="1:11" ht="75" x14ac:dyDescent="0.25">
      <c r="A418" s="6" t="s">
        <v>2699</v>
      </c>
      <c r="B418" s="8" t="s">
        <v>12</v>
      </c>
      <c r="C418" s="8" t="s">
        <v>13</v>
      </c>
      <c r="D418" s="8">
        <v>1780</v>
      </c>
      <c r="E418" s="3" t="s">
        <v>2700</v>
      </c>
      <c r="F418" s="6" t="s">
        <v>2701</v>
      </c>
      <c r="G418" s="3" t="s">
        <v>16</v>
      </c>
      <c r="H418" s="3" t="s">
        <v>170</v>
      </c>
      <c r="I418" s="3" t="s">
        <v>57</v>
      </c>
      <c r="J418" s="3" t="s">
        <v>2702</v>
      </c>
      <c r="K418" s="4">
        <v>43388</v>
      </c>
    </row>
    <row r="419" spans="1:11" ht="45" x14ac:dyDescent="0.25">
      <c r="A419" s="6" t="s">
        <v>2714</v>
      </c>
      <c r="B419" s="8" t="s">
        <v>12</v>
      </c>
      <c r="C419" s="8">
        <v>1662</v>
      </c>
      <c r="D419" s="8">
        <v>1662</v>
      </c>
      <c r="E419" s="3" t="s">
        <v>2715</v>
      </c>
      <c r="F419" s="6" t="s">
        <v>2716</v>
      </c>
      <c r="G419" s="3" t="s">
        <v>16</v>
      </c>
      <c r="H419" s="3" t="s">
        <v>30</v>
      </c>
      <c r="I419" s="3" t="s">
        <v>226</v>
      </c>
      <c r="J419" s="3" t="s">
        <v>2717</v>
      </c>
      <c r="K419" s="4">
        <v>43388</v>
      </c>
    </row>
    <row r="420" spans="1:11" ht="45" x14ac:dyDescent="0.25">
      <c r="A420" s="6" t="s">
        <v>2725</v>
      </c>
      <c r="B420" s="8" t="s">
        <v>12</v>
      </c>
      <c r="C420" s="8" t="s">
        <v>2726</v>
      </c>
      <c r="D420" s="8">
        <v>1528</v>
      </c>
      <c r="E420" s="3" t="s">
        <v>2727</v>
      </c>
      <c r="F420" s="6" t="s">
        <v>2728</v>
      </c>
      <c r="G420" s="3" t="s">
        <v>16</v>
      </c>
      <c r="H420" s="3" t="s">
        <v>24</v>
      </c>
      <c r="I420" s="3" t="s">
        <v>52</v>
      </c>
      <c r="J420" s="3"/>
      <c r="K420" s="4">
        <v>43388</v>
      </c>
    </row>
    <row r="421" spans="1:11" ht="30" x14ac:dyDescent="0.25">
      <c r="A421" s="6" t="s">
        <v>2734</v>
      </c>
      <c r="B421" s="8" t="s">
        <v>12</v>
      </c>
      <c r="C421" s="8" t="s">
        <v>2735</v>
      </c>
      <c r="D421" s="8" t="s">
        <v>2736</v>
      </c>
      <c r="E421" s="3" t="s">
        <v>50</v>
      </c>
      <c r="F421" s="6" t="s">
        <v>2737</v>
      </c>
      <c r="G421" s="3" t="s">
        <v>16</v>
      </c>
      <c r="H421" s="3" t="s">
        <v>24</v>
      </c>
      <c r="I421" s="3" t="s">
        <v>52</v>
      </c>
      <c r="J421" s="3" t="s">
        <v>13</v>
      </c>
      <c r="K421" s="4">
        <v>43388</v>
      </c>
    </row>
    <row r="422" spans="1:11" x14ac:dyDescent="0.25">
      <c r="A422" s="6" t="s">
        <v>2755</v>
      </c>
      <c r="B422" s="8" t="s">
        <v>12</v>
      </c>
      <c r="C422" s="8" t="s">
        <v>664</v>
      </c>
      <c r="D422" s="8">
        <v>1659</v>
      </c>
      <c r="E422" s="3" t="s">
        <v>1449</v>
      </c>
      <c r="F422" s="6" t="s">
        <v>2756</v>
      </c>
      <c r="G422" s="3" t="s">
        <v>16</v>
      </c>
      <c r="H422" s="3" t="s">
        <v>24</v>
      </c>
      <c r="I422" s="3" t="s">
        <v>57</v>
      </c>
      <c r="J422" s="3" t="s">
        <v>13</v>
      </c>
      <c r="K422" s="4">
        <v>43388</v>
      </c>
    </row>
    <row r="423" spans="1:11" ht="30" x14ac:dyDescent="0.25">
      <c r="A423" s="6" t="s">
        <v>2835</v>
      </c>
      <c r="B423" s="8" t="s">
        <v>12</v>
      </c>
      <c r="C423" s="8" t="s">
        <v>70</v>
      </c>
      <c r="D423" s="8">
        <v>1651</v>
      </c>
      <c r="E423" s="3" t="s">
        <v>2836</v>
      </c>
      <c r="F423" s="6" t="s">
        <v>2837</v>
      </c>
      <c r="G423" s="3" t="s">
        <v>16</v>
      </c>
      <c r="H423" s="3" t="s">
        <v>24</v>
      </c>
      <c r="I423" s="3" t="s">
        <v>57</v>
      </c>
      <c r="J423" s="3" t="s">
        <v>13</v>
      </c>
      <c r="K423" s="4">
        <v>43388</v>
      </c>
    </row>
    <row r="424" spans="1:11" x14ac:dyDescent="0.25">
      <c r="A424" s="6" t="s">
        <v>2847</v>
      </c>
      <c r="B424" s="8" t="s">
        <v>12</v>
      </c>
      <c r="C424" s="8">
        <v>1708</v>
      </c>
      <c r="D424" s="8">
        <v>1708</v>
      </c>
      <c r="E424" s="3" t="s">
        <v>224</v>
      </c>
      <c r="F424" s="6" t="s">
        <v>2848</v>
      </c>
      <c r="G424" s="3" t="s">
        <v>16</v>
      </c>
      <c r="H424" s="3" t="s">
        <v>24</v>
      </c>
      <c r="I424" s="3" t="s">
        <v>226</v>
      </c>
      <c r="J424" s="3" t="s">
        <v>2849</v>
      </c>
      <c r="K424" s="4">
        <v>43388</v>
      </c>
    </row>
    <row r="425" spans="1:11" ht="150" x14ac:dyDescent="0.25">
      <c r="A425" s="6" t="s">
        <v>2861</v>
      </c>
      <c r="B425" s="8" t="s">
        <v>12</v>
      </c>
      <c r="C425" s="8" t="s">
        <v>2862</v>
      </c>
      <c r="D425" s="8">
        <v>1624</v>
      </c>
      <c r="E425" s="3" t="s">
        <v>2863</v>
      </c>
      <c r="F425" s="6" t="s">
        <v>2864</v>
      </c>
      <c r="G425" s="3" t="s">
        <v>16</v>
      </c>
      <c r="H425" s="3" t="s">
        <v>24</v>
      </c>
      <c r="I425" s="3" t="s">
        <v>57</v>
      </c>
      <c r="J425" s="3" t="s">
        <v>13</v>
      </c>
      <c r="K425" s="4">
        <v>43388</v>
      </c>
    </row>
    <row r="426" spans="1:11" ht="45" x14ac:dyDescent="0.25">
      <c r="A426" s="6" t="s">
        <v>2900</v>
      </c>
      <c r="B426" s="8" t="s">
        <v>12</v>
      </c>
      <c r="C426" s="8" t="s">
        <v>2901</v>
      </c>
      <c r="D426" s="8" t="s">
        <v>2902</v>
      </c>
      <c r="E426" s="3" t="s">
        <v>2903</v>
      </c>
      <c r="F426" s="6" t="s">
        <v>2904</v>
      </c>
      <c r="G426" s="3" t="s">
        <v>16</v>
      </c>
      <c r="H426" s="3" t="s">
        <v>24</v>
      </c>
      <c r="I426" s="3" t="s">
        <v>57</v>
      </c>
      <c r="J426" s="3" t="s">
        <v>13</v>
      </c>
      <c r="K426" s="4">
        <v>43388</v>
      </c>
    </row>
    <row r="427" spans="1:11" ht="60" x14ac:dyDescent="0.25">
      <c r="A427" s="6" t="s">
        <v>2927</v>
      </c>
      <c r="B427" s="8" t="s">
        <v>12</v>
      </c>
      <c r="C427" s="8" t="s">
        <v>13</v>
      </c>
      <c r="D427" s="8">
        <v>1705</v>
      </c>
      <c r="E427" s="3" t="s">
        <v>2928</v>
      </c>
      <c r="F427" s="6" t="s">
        <v>2929</v>
      </c>
      <c r="G427" s="3" t="s">
        <v>16</v>
      </c>
      <c r="H427" s="3" t="s">
        <v>24</v>
      </c>
      <c r="I427" s="3" t="s">
        <v>1369</v>
      </c>
      <c r="J427" s="3" t="s">
        <v>13</v>
      </c>
      <c r="K427" s="4">
        <v>43388</v>
      </c>
    </row>
    <row r="428" spans="1:11" ht="45" x14ac:dyDescent="0.25">
      <c r="A428" s="6" t="s">
        <v>2930</v>
      </c>
      <c r="B428" s="8" t="s">
        <v>12</v>
      </c>
      <c r="C428" s="8">
        <v>1534</v>
      </c>
      <c r="D428" s="8">
        <v>1534</v>
      </c>
      <c r="E428" s="3" t="s">
        <v>397</v>
      </c>
      <c r="F428" s="6" t="s">
        <v>1180</v>
      </c>
      <c r="G428" s="3" t="s">
        <v>16</v>
      </c>
      <c r="H428" s="3" t="s">
        <v>24</v>
      </c>
      <c r="I428" s="3" t="s">
        <v>171</v>
      </c>
      <c r="J428" s="3" t="s">
        <v>2931</v>
      </c>
      <c r="K428" s="4">
        <v>43388</v>
      </c>
    </row>
    <row r="429" spans="1:11" x14ac:dyDescent="0.25">
      <c r="A429" s="6" t="s">
        <v>2954</v>
      </c>
      <c r="B429" s="8" t="s">
        <v>12</v>
      </c>
      <c r="C429" s="8">
        <v>1725</v>
      </c>
      <c r="D429" s="8">
        <v>1725</v>
      </c>
      <c r="E429" s="3" t="s">
        <v>50</v>
      </c>
      <c r="F429" s="6" t="s">
        <v>2955</v>
      </c>
      <c r="G429" s="3" t="s">
        <v>16</v>
      </c>
      <c r="H429" s="3" t="s">
        <v>24</v>
      </c>
      <c r="I429" s="3" t="s">
        <v>52</v>
      </c>
      <c r="J429" s="3" t="s">
        <v>2956</v>
      </c>
      <c r="K429" s="4">
        <v>43388</v>
      </c>
    </row>
    <row r="430" spans="1:11" ht="45" x14ac:dyDescent="0.25">
      <c r="A430" s="6" t="s">
        <v>2957</v>
      </c>
      <c r="B430" s="8" t="s">
        <v>12</v>
      </c>
      <c r="C430" s="8" t="s">
        <v>13</v>
      </c>
      <c r="D430" s="8">
        <v>1848</v>
      </c>
      <c r="E430" s="3" t="s">
        <v>13</v>
      </c>
      <c r="F430" s="6" t="s">
        <v>2958</v>
      </c>
      <c r="G430" s="3" t="s">
        <v>16</v>
      </c>
      <c r="H430" s="3" t="s">
        <v>17</v>
      </c>
      <c r="I430" s="3" t="s">
        <v>13</v>
      </c>
      <c r="J430" s="3" t="s">
        <v>13</v>
      </c>
      <c r="K430" s="4">
        <v>43388</v>
      </c>
    </row>
    <row r="431" spans="1:11" ht="30" x14ac:dyDescent="0.25">
      <c r="A431" s="6" t="s">
        <v>2965</v>
      </c>
      <c r="B431" s="8" t="s">
        <v>12</v>
      </c>
      <c r="C431" s="8">
        <v>1631</v>
      </c>
      <c r="D431" s="8">
        <v>1631</v>
      </c>
      <c r="E431" s="3" t="s">
        <v>2966</v>
      </c>
      <c r="F431" s="6" t="s">
        <v>2967</v>
      </c>
      <c r="G431" s="3" t="s">
        <v>16</v>
      </c>
      <c r="H431" s="3" t="s">
        <v>17</v>
      </c>
      <c r="I431" s="3" t="s">
        <v>18</v>
      </c>
      <c r="J431" s="3" t="s">
        <v>2968</v>
      </c>
      <c r="K431" s="4">
        <v>43388</v>
      </c>
    </row>
    <row r="432" spans="1:11" ht="45" x14ac:dyDescent="0.25">
      <c r="A432" s="6" t="s">
        <v>2994</v>
      </c>
      <c r="B432" s="8" t="s">
        <v>12</v>
      </c>
      <c r="C432" s="8" t="s">
        <v>2995</v>
      </c>
      <c r="D432" s="8" t="s">
        <v>2996</v>
      </c>
      <c r="E432" s="3" t="s">
        <v>454</v>
      </c>
      <c r="F432" s="6" t="s">
        <v>2997</v>
      </c>
      <c r="G432" s="3" t="s">
        <v>16</v>
      </c>
      <c r="H432" s="3" t="s">
        <v>24</v>
      </c>
      <c r="I432" s="3" t="s">
        <v>57</v>
      </c>
      <c r="J432" s="3" t="s">
        <v>13</v>
      </c>
      <c r="K432" s="4">
        <v>43388</v>
      </c>
    </row>
    <row r="433" spans="1:11" x14ac:dyDescent="0.25">
      <c r="A433" s="6" t="s">
        <v>3001</v>
      </c>
      <c r="B433" s="8" t="s">
        <v>12</v>
      </c>
      <c r="C433" s="8" t="s">
        <v>3002</v>
      </c>
      <c r="D433" s="8">
        <v>1759</v>
      </c>
      <c r="E433" s="3" t="s">
        <v>248</v>
      </c>
      <c r="F433" s="6" t="s">
        <v>3003</v>
      </c>
      <c r="G433" s="3" t="s">
        <v>16</v>
      </c>
      <c r="H433" s="3" t="s">
        <v>24</v>
      </c>
      <c r="I433" s="3" t="s">
        <v>250</v>
      </c>
      <c r="J433" s="3" t="s">
        <v>3004</v>
      </c>
      <c r="K433" s="4">
        <v>43388</v>
      </c>
    </row>
    <row r="434" spans="1:11" ht="90" x14ac:dyDescent="0.25">
      <c r="A434" s="6" t="s">
        <v>3012</v>
      </c>
      <c r="B434" s="8" t="s">
        <v>12</v>
      </c>
      <c r="C434" s="8">
        <v>1839</v>
      </c>
      <c r="D434" s="8">
        <v>1839</v>
      </c>
      <c r="E434" s="3" t="s">
        <v>3013</v>
      </c>
      <c r="F434" s="6" t="s">
        <v>3014</v>
      </c>
      <c r="G434" s="3" t="s">
        <v>16</v>
      </c>
      <c r="H434" s="3" t="s">
        <v>17</v>
      </c>
      <c r="I434" s="3" t="s">
        <v>1964</v>
      </c>
      <c r="J434" s="3" t="s">
        <v>3015</v>
      </c>
      <c r="K434" s="4">
        <v>43388</v>
      </c>
    </row>
    <row r="435" spans="1:11" x14ac:dyDescent="0.25">
      <c r="A435" s="6" t="s">
        <v>3059</v>
      </c>
      <c r="B435" s="8" t="s">
        <v>12</v>
      </c>
      <c r="C435" s="8" t="s">
        <v>3060</v>
      </c>
      <c r="D435" s="8">
        <v>1657</v>
      </c>
      <c r="E435" s="3" t="s">
        <v>3061</v>
      </c>
      <c r="F435" s="6" t="s">
        <v>3062</v>
      </c>
      <c r="G435" s="3" t="s">
        <v>16</v>
      </c>
      <c r="H435" s="3" t="s">
        <v>24</v>
      </c>
      <c r="I435" s="3" t="s">
        <v>57</v>
      </c>
      <c r="J435" s="3" t="s">
        <v>3063</v>
      </c>
      <c r="K435" s="4">
        <v>43388</v>
      </c>
    </row>
    <row r="436" spans="1:11" ht="30" x14ac:dyDescent="0.25">
      <c r="A436" s="6" t="s">
        <v>3182</v>
      </c>
      <c r="B436" s="8" t="s">
        <v>12</v>
      </c>
      <c r="C436" s="8" t="s">
        <v>3183</v>
      </c>
      <c r="D436" s="8">
        <v>1695</v>
      </c>
      <c r="E436" s="3" t="s">
        <v>13</v>
      </c>
      <c r="F436" s="6" t="s">
        <v>3184</v>
      </c>
      <c r="G436" s="3" t="s">
        <v>16</v>
      </c>
      <c r="H436" s="3" t="s">
        <v>24</v>
      </c>
      <c r="I436" s="3" t="s">
        <v>13</v>
      </c>
      <c r="J436" s="3" t="s">
        <v>3185</v>
      </c>
      <c r="K436" s="4">
        <v>43388</v>
      </c>
    </row>
    <row r="437" spans="1:11" x14ac:dyDescent="0.25">
      <c r="A437" s="6" t="s">
        <v>3189</v>
      </c>
      <c r="B437" s="8" t="s">
        <v>12</v>
      </c>
      <c r="C437" s="8" t="s">
        <v>3190</v>
      </c>
      <c r="D437" s="8">
        <v>1694</v>
      </c>
      <c r="E437" s="3" t="s">
        <v>3191</v>
      </c>
      <c r="F437" s="6" t="s">
        <v>3192</v>
      </c>
      <c r="G437" s="3" t="s">
        <v>16</v>
      </c>
      <c r="H437" s="3" t="s">
        <v>30</v>
      </c>
      <c r="I437" s="3" t="s">
        <v>57</v>
      </c>
      <c r="J437" s="3" t="s">
        <v>3193</v>
      </c>
      <c r="K437" s="4">
        <v>43388</v>
      </c>
    </row>
    <row r="438" spans="1:11" ht="60" x14ac:dyDescent="0.25">
      <c r="A438" s="6" t="s">
        <v>3239</v>
      </c>
      <c r="B438" s="8" t="s">
        <v>12</v>
      </c>
      <c r="C438" s="8" t="s">
        <v>855</v>
      </c>
      <c r="D438" s="8">
        <v>1558</v>
      </c>
      <c r="E438" s="3" t="s">
        <v>856</v>
      </c>
      <c r="F438" s="6" t="s">
        <v>857</v>
      </c>
      <c r="G438" s="3" t="s">
        <v>16</v>
      </c>
      <c r="H438" s="3" t="s">
        <v>24</v>
      </c>
      <c r="I438" s="3" t="s">
        <v>264</v>
      </c>
      <c r="J438" s="3"/>
      <c r="K438" s="4">
        <v>43388</v>
      </c>
    </row>
    <row r="439" spans="1:11" ht="45" x14ac:dyDescent="0.25">
      <c r="A439" s="6" t="s">
        <v>3425</v>
      </c>
      <c r="B439" s="8" t="s">
        <v>12</v>
      </c>
      <c r="C439" s="8">
        <v>1852</v>
      </c>
      <c r="D439" s="8">
        <v>1852</v>
      </c>
      <c r="E439" s="3" t="s">
        <v>13</v>
      </c>
      <c r="F439" s="6" t="s">
        <v>3426</v>
      </c>
      <c r="G439" s="3" t="s">
        <v>16</v>
      </c>
      <c r="H439" s="3" t="s">
        <v>17</v>
      </c>
      <c r="I439" s="3" t="s">
        <v>2680</v>
      </c>
      <c r="J439" s="3" t="s">
        <v>3427</v>
      </c>
      <c r="K439" s="4">
        <v>43388</v>
      </c>
    </row>
    <row r="440" spans="1:11" ht="30" x14ac:dyDescent="0.25">
      <c r="A440" s="6" t="s">
        <v>3459</v>
      </c>
      <c r="B440" s="8" t="s">
        <v>12</v>
      </c>
      <c r="C440" s="8" t="s">
        <v>13</v>
      </c>
      <c r="D440" s="8">
        <v>1666</v>
      </c>
      <c r="E440" s="3" t="s">
        <v>1860</v>
      </c>
      <c r="F440" s="6" t="s">
        <v>3460</v>
      </c>
      <c r="G440" s="3" t="s">
        <v>16</v>
      </c>
      <c r="H440" s="3" t="s">
        <v>24</v>
      </c>
      <c r="I440" s="3" t="s">
        <v>57</v>
      </c>
      <c r="J440" s="3" t="s">
        <v>3461</v>
      </c>
      <c r="K440" s="4">
        <v>43388</v>
      </c>
    </row>
    <row r="441" spans="1:11" x14ac:dyDescent="0.25">
      <c r="A441" s="6" t="s">
        <v>3500</v>
      </c>
      <c r="B441" s="8" t="s">
        <v>12</v>
      </c>
      <c r="C441" s="8" t="s">
        <v>3501</v>
      </c>
      <c r="D441" s="8">
        <v>1708</v>
      </c>
      <c r="E441" s="3" t="s">
        <v>3502</v>
      </c>
      <c r="F441" s="6" t="s">
        <v>3503</v>
      </c>
      <c r="G441" s="3" t="s">
        <v>16</v>
      </c>
      <c r="H441" s="3" t="s">
        <v>24</v>
      </c>
      <c r="I441" s="3" t="s">
        <v>57</v>
      </c>
      <c r="J441" s="3" t="s">
        <v>3504</v>
      </c>
      <c r="K441" s="4">
        <v>43388</v>
      </c>
    </row>
    <row r="442" spans="1:11" ht="45" x14ac:dyDescent="0.25">
      <c r="A442" s="6" t="s">
        <v>3549</v>
      </c>
      <c r="B442" s="8" t="s">
        <v>12</v>
      </c>
      <c r="C442" s="8" t="s">
        <v>3550</v>
      </c>
      <c r="D442" s="8" t="s">
        <v>3551</v>
      </c>
      <c r="E442" s="3" t="s">
        <v>2397</v>
      </c>
      <c r="F442" s="6" t="s">
        <v>3552</v>
      </c>
      <c r="G442" s="3" t="s">
        <v>16</v>
      </c>
      <c r="H442" s="3" t="s">
        <v>24</v>
      </c>
      <c r="I442" s="3" t="s">
        <v>2407</v>
      </c>
      <c r="J442" s="3" t="s">
        <v>13</v>
      </c>
      <c r="K442" s="4">
        <v>43388</v>
      </c>
    </row>
    <row r="443" spans="1:11" ht="120" x14ac:dyDescent="0.25">
      <c r="A443" s="6" t="s">
        <v>3559</v>
      </c>
      <c r="B443" s="8" t="s">
        <v>12</v>
      </c>
      <c r="C443" s="8" t="s">
        <v>13</v>
      </c>
      <c r="D443" s="8">
        <v>1826</v>
      </c>
      <c r="E443" s="3" t="s">
        <v>13</v>
      </c>
      <c r="F443" s="6" t="s">
        <v>3560</v>
      </c>
      <c r="G443" s="3" t="s">
        <v>16</v>
      </c>
      <c r="H443" s="3" t="s">
        <v>24</v>
      </c>
      <c r="I443" s="3" t="s">
        <v>250</v>
      </c>
      <c r="J443" s="3" t="s">
        <v>3561</v>
      </c>
      <c r="K443" s="4">
        <v>43388</v>
      </c>
    </row>
    <row r="444" spans="1:11" ht="30" x14ac:dyDescent="0.25">
      <c r="A444" s="6" t="s">
        <v>3592</v>
      </c>
      <c r="B444" s="8" t="s">
        <v>12</v>
      </c>
      <c r="C444" s="8" t="s">
        <v>2296</v>
      </c>
      <c r="D444" s="8">
        <v>1684</v>
      </c>
      <c r="E444" s="3" t="s">
        <v>454</v>
      </c>
      <c r="F444" s="6" t="s">
        <v>3593</v>
      </c>
      <c r="G444" s="3" t="s">
        <v>16</v>
      </c>
      <c r="H444" s="3" t="s">
        <v>24</v>
      </c>
      <c r="I444" s="3" t="s">
        <v>57</v>
      </c>
      <c r="J444" s="3" t="s">
        <v>13</v>
      </c>
      <c r="K444" s="4">
        <v>43388</v>
      </c>
    </row>
    <row r="445" spans="1:11" ht="30" x14ac:dyDescent="0.25">
      <c r="A445" s="6" t="s">
        <v>3631</v>
      </c>
      <c r="B445" s="8" t="s">
        <v>12</v>
      </c>
      <c r="C445" s="8">
        <v>1705</v>
      </c>
      <c r="D445" s="8">
        <v>1705</v>
      </c>
      <c r="E445" s="3" t="s">
        <v>2928</v>
      </c>
      <c r="F445" s="6" t="s">
        <v>3632</v>
      </c>
      <c r="G445" s="3" t="s">
        <v>16</v>
      </c>
      <c r="H445" s="3" t="s">
        <v>24</v>
      </c>
      <c r="I445" s="3" t="s">
        <v>1369</v>
      </c>
      <c r="J445" s="3" t="s">
        <v>13</v>
      </c>
      <c r="K445" s="4">
        <v>43388</v>
      </c>
    </row>
    <row r="446" spans="1:11" ht="45" x14ac:dyDescent="0.25">
      <c r="A446" s="6" t="s">
        <v>3658</v>
      </c>
      <c r="B446" s="8" t="s">
        <v>12</v>
      </c>
      <c r="C446" s="8" t="s">
        <v>3659</v>
      </c>
      <c r="D446" s="8" t="s">
        <v>3660</v>
      </c>
      <c r="E446" s="3" t="s">
        <v>403</v>
      </c>
      <c r="F446" s="6" t="s">
        <v>3661</v>
      </c>
      <c r="G446" s="3" t="s">
        <v>16</v>
      </c>
      <c r="H446" s="3" t="s">
        <v>24</v>
      </c>
      <c r="I446" s="3" t="s">
        <v>52</v>
      </c>
      <c r="J446" s="3" t="s">
        <v>3662</v>
      </c>
      <c r="K446" s="4">
        <v>43388</v>
      </c>
    </row>
    <row r="447" spans="1:11" ht="45" x14ac:dyDescent="0.25">
      <c r="A447" s="6" t="s">
        <v>3678</v>
      </c>
      <c r="B447" s="8" t="s">
        <v>12</v>
      </c>
      <c r="C447" s="8" t="s">
        <v>3679</v>
      </c>
      <c r="D447" s="8">
        <v>1611</v>
      </c>
      <c r="E447" s="3" t="s">
        <v>3680</v>
      </c>
      <c r="F447" s="6" t="s">
        <v>3681</v>
      </c>
      <c r="G447" s="3" t="s">
        <v>16</v>
      </c>
      <c r="H447" s="3" t="s">
        <v>30</v>
      </c>
      <c r="I447" s="3" t="s">
        <v>1360</v>
      </c>
      <c r="J447" s="3" t="s">
        <v>3682</v>
      </c>
      <c r="K447" s="4">
        <v>43388</v>
      </c>
    </row>
    <row r="448" spans="1:11" ht="180" x14ac:dyDescent="0.25">
      <c r="A448" s="6" t="s">
        <v>3686</v>
      </c>
      <c r="B448" s="8" t="s">
        <v>12</v>
      </c>
      <c r="C448" s="8" t="s">
        <v>3687</v>
      </c>
      <c r="D448" s="8" t="s">
        <v>3688</v>
      </c>
      <c r="E448" s="3" t="s">
        <v>3689</v>
      </c>
      <c r="F448" s="6" t="s">
        <v>3690</v>
      </c>
      <c r="G448" s="3" t="s">
        <v>16</v>
      </c>
      <c r="H448" s="3" t="s">
        <v>24</v>
      </c>
      <c r="I448" s="3" t="s">
        <v>3535</v>
      </c>
      <c r="J448" s="3" t="s">
        <v>13</v>
      </c>
      <c r="K448" s="4">
        <v>43388</v>
      </c>
    </row>
    <row r="449" spans="1:11" x14ac:dyDescent="0.25">
      <c r="A449" s="6" t="s">
        <v>3763</v>
      </c>
      <c r="B449" s="8" t="s">
        <v>12</v>
      </c>
      <c r="C449" s="8" t="s">
        <v>3764</v>
      </c>
      <c r="D449" s="8" t="s">
        <v>3765</v>
      </c>
      <c r="E449" s="3" t="s">
        <v>3766</v>
      </c>
      <c r="F449" s="6" t="s">
        <v>3767</v>
      </c>
      <c r="G449" s="3" t="s">
        <v>16</v>
      </c>
      <c r="H449" s="3" t="s">
        <v>30</v>
      </c>
      <c r="I449" s="3" t="s">
        <v>171</v>
      </c>
      <c r="J449" s="3" t="s">
        <v>3768</v>
      </c>
      <c r="K449" s="4">
        <v>43388</v>
      </c>
    </row>
    <row r="450" spans="1:11" ht="75" x14ac:dyDescent="0.25">
      <c r="A450" s="6" t="s">
        <v>3853</v>
      </c>
      <c r="B450" s="8" t="s">
        <v>12</v>
      </c>
      <c r="C450" s="8" t="s">
        <v>13</v>
      </c>
      <c r="D450" s="8">
        <v>1704</v>
      </c>
      <c r="E450" s="3" t="s">
        <v>1367</v>
      </c>
      <c r="F450" s="6" t="s">
        <v>3854</v>
      </c>
      <c r="G450" s="3" t="s">
        <v>16</v>
      </c>
      <c r="H450" s="3" t="s">
        <v>24</v>
      </c>
      <c r="I450" s="3" t="s">
        <v>1369</v>
      </c>
      <c r="J450" s="3" t="s">
        <v>13</v>
      </c>
      <c r="K450" s="4">
        <v>43388</v>
      </c>
    </row>
    <row r="451" spans="1:11" ht="30" x14ac:dyDescent="0.25">
      <c r="A451" s="6" t="s">
        <v>3884</v>
      </c>
      <c r="B451" s="8" t="s">
        <v>12</v>
      </c>
      <c r="C451" s="8" t="s">
        <v>3885</v>
      </c>
      <c r="D451" s="8">
        <v>1686</v>
      </c>
      <c r="E451" s="3" t="s">
        <v>3886</v>
      </c>
      <c r="F451" s="6" t="s">
        <v>3887</v>
      </c>
      <c r="G451" s="3" t="s">
        <v>16</v>
      </c>
      <c r="H451" s="3" t="s">
        <v>24</v>
      </c>
      <c r="I451" s="3" t="s">
        <v>57</v>
      </c>
      <c r="J451" s="3" t="s">
        <v>3888</v>
      </c>
      <c r="K451" s="4">
        <v>43388</v>
      </c>
    </row>
    <row r="452" spans="1:11" ht="45" x14ac:dyDescent="0.25">
      <c r="A452" s="6" t="s">
        <v>3900</v>
      </c>
      <c r="B452" s="8" t="s">
        <v>12</v>
      </c>
      <c r="C452" s="8" t="s">
        <v>3190</v>
      </c>
      <c r="D452" s="8">
        <v>1694</v>
      </c>
      <c r="E452" s="3" t="s">
        <v>454</v>
      </c>
      <c r="F452" s="6" t="s">
        <v>3901</v>
      </c>
      <c r="G452" s="3" t="s">
        <v>16</v>
      </c>
      <c r="H452" s="3" t="s">
        <v>24</v>
      </c>
      <c r="I452" s="3" t="s">
        <v>57</v>
      </c>
      <c r="J452" s="3" t="s">
        <v>13</v>
      </c>
      <c r="K452" s="4">
        <v>43388</v>
      </c>
    </row>
    <row r="453" spans="1:11" x14ac:dyDescent="0.25">
      <c r="A453" s="6" t="s">
        <v>3940</v>
      </c>
      <c r="B453" s="8" t="s">
        <v>12</v>
      </c>
      <c r="C453" s="8">
        <v>1765</v>
      </c>
      <c r="D453" s="8">
        <v>1765</v>
      </c>
      <c r="E453" s="3" t="s">
        <v>3941</v>
      </c>
      <c r="F453" s="6" t="s">
        <v>3942</v>
      </c>
      <c r="G453" s="3" t="s">
        <v>16</v>
      </c>
      <c r="H453" s="3" t="s">
        <v>24</v>
      </c>
      <c r="I453" s="3" t="s">
        <v>226</v>
      </c>
      <c r="J453" s="3" t="s">
        <v>3943</v>
      </c>
      <c r="K453" s="4">
        <v>43388</v>
      </c>
    </row>
    <row r="454" spans="1:11" ht="135" x14ac:dyDescent="0.25">
      <c r="A454" s="6" t="s">
        <v>4017</v>
      </c>
      <c r="B454" s="8" t="s">
        <v>12</v>
      </c>
      <c r="C454" s="8">
        <v>1837</v>
      </c>
      <c r="D454" s="8">
        <v>1837</v>
      </c>
      <c r="E454" s="3" t="s">
        <v>4018</v>
      </c>
      <c r="F454" s="6" t="s">
        <v>4019</v>
      </c>
      <c r="G454" s="3" t="s">
        <v>16</v>
      </c>
      <c r="H454" s="3" t="s">
        <v>1724</v>
      </c>
      <c r="I454" s="3" t="s">
        <v>18</v>
      </c>
      <c r="J454" s="3" t="s">
        <v>4020</v>
      </c>
      <c r="K454" s="4">
        <v>43388</v>
      </c>
    </row>
    <row r="455" spans="1:11" ht="90" x14ac:dyDescent="0.25">
      <c r="A455" s="6" t="s">
        <v>4069</v>
      </c>
      <c r="B455" s="8" t="s">
        <v>12</v>
      </c>
      <c r="C455" s="8" t="s">
        <v>4070</v>
      </c>
      <c r="D455" s="8">
        <v>1753</v>
      </c>
      <c r="E455" s="3" t="s">
        <v>4071</v>
      </c>
      <c r="F455" s="6" t="s">
        <v>441</v>
      </c>
      <c r="G455" s="3" t="s">
        <v>16</v>
      </c>
      <c r="H455" s="3" t="s">
        <v>24</v>
      </c>
      <c r="I455" s="3" t="s">
        <v>18</v>
      </c>
      <c r="J455" s="3" t="s">
        <v>4072</v>
      </c>
      <c r="K455" s="4">
        <v>43388</v>
      </c>
    </row>
    <row r="456" spans="1:11" ht="60" x14ac:dyDescent="0.25">
      <c r="A456" s="6" t="s">
        <v>4099</v>
      </c>
      <c r="B456" s="8" t="s">
        <v>12</v>
      </c>
      <c r="C456" s="8">
        <v>1912</v>
      </c>
      <c r="D456" s="8">
        <v>1912</v>
      </c>
      <c r="E456" s="3" t="s">
        <v>4100</v>
      </c>
      <c r="F456" s="6" t="s">
        <v>4101</v>
      </c>
      <c r="G456" s="3" t="s">
        <v>16</v>
      </c>
      <c r="H456" s="3" t="s">
        <v>17</v>
      </c>
      <c r="I456" s="3" t="s">
        <v>18</v>
      </c>
      <c r="J456" s="3" t="s">
        <v>4102</v>
      </c>
      <c r="K456" s="4">
        <v>43388</v>
      </c>
    </row>
    <row r="457" spans="1:11" x14ac:dyDescent="0.25">
      <c r="A457" s="6" t="s">
        <v>4135</v>
      </c>
      <c r="B457" s="8" t="s">
        <v>12</v>
      </c>
      <c r="C457" s="8" t="s">
        <v>13</v>
      </c>
      <c r="D457" s="8">
        <v>1839</v>
      </c>
      <c r="E457" s="3" t="s">
        <v>13</v>
      </c>
      <c r="F457" s="6" t="s">
        <v>605</v>
      </c>
      <c r="G457" s="3" t="s">
        <v>16</v>
      </c>
      <c r="H457" s="3" t="s">
        <v>170</v>
      </c>
      <c r="I457" s="3" t="s">
        <v>171</v>
      </c>
      <c r="J457" s="3" t="s">
        <v>606</v>
      </c>
      <c r="K457" s="4">
        <v>43388</v>
      </c>
    </row>
    <row r="458" spans="1:11" ht="30" x14ac:dyDescent="0.25">
      <c r="A458" s="6" t="s">
        <v>4154</v>
      </c>
      <c r="B458" s="8" t="s">
        <v>12</v>
      </c>
      <c r="C458" s="8" t="s">
        <v>4155</v>
      </c>
      <c r="D458" s="8">
        <v>1672</v>
      </c>
      <c r="E458" s="3" t="s">
        <v>1449</v>
      </c>
      <c r="F458" s="6" t="s">
        <v>4156</v>
      </c>
      <c r="G458" s="3" t="s">
        <v>16</v>
      </c>
      <c r="H458" s="3" t="s">
        <v>24</v>
      </c>
      <c r="I458" s="3" t="s">
        <v>57</v>
      </c>
      <c r="J458" s="3" t="s">
        <v>4157</v>
      </c>
      <c r="K458" s="4">
        <v>43388</v>
      </c>
    </row>
    <row r="459" spans="1:11" x14ac:dyDescent="0.25">
      <c r="A459" s="6" t="s">
        <v>4176</v>
      </c>
      <c r="B459" s="8" t="s">
        <v>12</v>
      </c>
      <c r="C459" s="8" t="s">
        <v>2414</v>
      </c>
      <c r="D459" s="8">
        <v>1697</v>
      </c>
      <c r="E459" s="3" t="s">
        <v>2478</v>
      </c>
      <c r="F459" s="6" t="s">
        <v>4177</v>
      </c>
      <c r="G459" s="3" t="s">
        <v>16</v>
      </c>
      <c r="H459" s="3" t="s">
        <v>24</v>
      </c>
      <c r="I459" s="3" t="s">
        <v>226</v>
      </c>
      <c r="J459" s="3" t="s">
        <v>4178</v>
      </c>
      <c r="K459" s="4">
        <v>43388</v>
      </c>
    </row>
    <row r="460" spans="1:11" x14ac:dyDescent="0.25">
      <c r="A460" s="6" t="s">
        <v>4189</v>
      </c>
      <c r="B460" s="8" t="s">
        <v>12</v>
      </c>
      <c r="C460" s="8" t="s">
        <v>1607</v>
      </c>
      <c r="D460" s="8">
        <v>1710</v>
      </c>
      <c r="E460" s="3" t="s">
        <v>4190</v>
      </c>
      <c r="F460" s="6" t="s">
        <v>4191</v>
      </c>
      <c r="G460" s="3" t="s">
        <v>16</v>
      </c>
      <c r="H460" s="3" t="s">
        <v>24</v>
      </c>
      <c r="I460" s="3" t="s">
        <v>57</v>
      </c>
      <c r="J460" s="3" t="s">
        <v>13</v>
      </c>
      <c r="K460" s="4">
        <v>43388</v>
      </c>
    </row>
    <row r="461" spans="1:11" ht="30" x14ac:dyDescent="0.25">
      <c r="A461" s="6" t="s">
        <v>4214</v>
      </c>
      <c r="B461" s="8" t="s">
        <v>12</v>
      </c>
      <c r="C461" s="8" t="s">
        <v>4215</v>
      </c>
      <c r="D461" s="8">
        <v>1698</v>
      </c>
      <c r="E461" s="3" t="s">
        <v>4216</v>
      </c>
      <c r="F461" s="6" t="s">
        <v>4217</v>
      </c>
      <c r="G461" s="3" t="s">
        <v>16</v>
      </c>
      <c r="H461" s="3" t="s">
        <v>24</v>
      </c>
      <c r="I461" s="3" t="s">
        <v>57</v>
      </c>
      <c r="J461" s="3" t="s">
        <v>4218</v>
      </c>
      <c r="K461" s="4">
        <v>43388</v>
      </c>
    </row>
    <row r="462" spans="1:11" ht="30" x14ac:dyDescent="0.25">
      <c r="A462" s="6" t="s">
        <v>4261</v>
      </c>
      <c r="B462" s="8" t="s">
        <v>12</v>
      </c>
      <c r="C462" s="8" t="s">
        <v>664</v>
      </c>
      <c r="D462" s="8">
        <v>1659</v>
      </c>
      <c r="E462" s="3" t="s">
        <v>4262</v>
      </c>
      <c r="F462" s="6" t="s">
        <v>4263</v>
      </c>
      <c r="G462" s="3" t="s">
        <v>16</v>
      </c>
      <c r="H462" s="3" t="s">
        <v>170</v>
      </c>
      <c r="I462" s="3" t="s">
        <v>226</v>
      </c>
      <c r="J462" s="3" t="s">
        <v>13</v>
      </c>
      <c r="K462" s="4">
        <v>43388</v>
      </c>
    </row>
    <row r="463" spans="1:11" x14ac:dyDescent="0.25">
      <c r="A463" s="6" t="s">
        <v>4334</v>
      </c>
      <c r="B463" s="8" t="s">
        <v>12</v>
      </c>
      <c r="C463" s="8" t="s">
        <v>991</v>
      </c>
      <c r="D463" s="8">
        <v>1568</v>
      </c>
      <c r="E463" s="3" t="s">
        <v>4335</v>
      </c>
      <c r="F463" s="6" t="s">
        <v>565</v>
      </c>
      <c r="G463" s="3" t="s">
        <v>16</v>
      </c>
      <c r="H463" s="3" t="s">
        <v>24</v>
      </c>
      <c r="I463" s="3" t="s">
        <v>57</v>
      </c>
      <c r="J463" s="3" t="s">
        <v>4336</v>
      </c>
      <c r="K463" s="4">
        <v>43388</v>
      </c>
    </row>
    <row r="464" spans="1:11" ht="30" x14ac:dyDescent="0.25">
      <c r="A464" s="6" t="s">
        <v>4337</v>
      </c>
      <c r="B464" s="8" t="s">
        <v>12</v>
      </c>
      <c r="C464" s="8" t="s">
        <v>4338</v>
      </c>
      <c r="D464" s="8" t="s">
        <v>1977</v>
      </c>
      <c r="E464" s="3" t="s">
        <v>1978</v>
      </c>
      <c r="F464" s="6" t="s">
        <v>951</v>
      </c>
      <c r="G464" s="3" t="s">
        <v>16</v>
      </c>
      <c r="H464" s="3" t="s">
        <v>24</v>
      </c>
      <c r="I464" s="3" t="s">
        <v>52</v>
      </c>
      <c r="J464" s="3" t="s">
        <v>4339</v>
      </c>
      <c r="K464" s="4">
        <v>43388</v>
      </c>
    </row>
    <row r="465" spans="1:11" ht="105" x14ac:dyDescent="0.25">
      <c r="A465" s="6" t="s">
        <v>4379</v>
      </c>
      <c r="B465" s="8" t="s">
        <v>12</v>
      </c>
      <c r="C465" s="8">
        <v>1707</v>
      </c>
      <c r="D465" s="8">
        <v>1707</v>
      </c>
      <c r="E465" s="3" t="s">
        <v>2928</v>
      </c>
      <c r="F465" s="6" t="s">
        <v>4380</v>
      </c>
      <c r="G465" s="3" t="s">
        <v>16</v>
      </c>
      <c r="H465" s="3" t="s">
        <v>24</v>
      </c>
      <c r="I465" s="3" t="s">
        <v>57</v>
      </c>
      <c r="J465" s="3" t="s">
        <v>13</v>
      </c>
      <c r="K465" s="4">
        <v>43388</v>
      </c>
    </row>
    <row r="466" spans="1:11" ht="30" x14ac:dyDescent="0.25">
      <c r="A466" s="6" t="s">
        <v>4467</v>
      </c>
      <c r="B466" s="8" t="s">
        <v>12</v>
      </c>
      <c r="C466" s="8" t="s">
        <v>13</v>
      </c>
      <c r="D466" s="8">
        <v>1701</v>
      </c>
      <c r="E466" s="3" t="s">
        <v>1105</v>
      </c>
      <c r="F466" s="6" t="s">
        <v>4468</v>
      </c>
      <c r="G466" s="3" t="s">
        <v>16</v>
      </c>
      <c r="H466" s="3" t="s">
        <v>24</v>
      </c>
      <c r="I466" s="3" t="s">
        <v>226</v>
      </c>
      <c r="J466" s="3" t="s">
        <v>4469</v>
      </c>
      <c r="K466" s="4">
        <v>43388</v>
      </c>
    </row>
    <row r="467" spans="1:11" ht="30" x14ac:dyDescent="0.25">
      <c r="A467" s="6" t="s">
        <v>4470</v>
      </c>
      <c r="B467" s="8" t="s">
        <v>12</v>
      </c>
      <c r="C467" s="8">
        <v>1805</v>
      </c>
      <c r="D467" s="8">
        <v>1805</v>
      </c>
      <c r="E467" s="3" t="s">
        <v>4471</v>
      </c>
      <c r="F467" s="6" t="s">
        <v>4472</v>
      </c>
      <c r="G467" s="3" t="s">
        <v>16</v>
      </c>
      <c r="H467" s="3" t="s">
        <v>30</v>
      </c>
      <c r="I467" s="3" t="s">
        <v>264</v>
      </c>
      <c r="J467" s="3" t="s">
        <v>4473</v>
      </c>
      <c r="K467" s="4">
        <v>43388</v>
      </c>
    </row>
    <row r="468" spans="1:11" ht="30" x14ac:dyDescent="0.25">
      <c r="A468" s="6" t="s">
        <v>4474</v>
      </c>
      <c r="B468" s="8" t="s">
        <v>12</v>
      </c>
      <c r="C468" s="8" t="s">
        <v>4475</v>
      </c>
      <c r="D468" s="8" t="s">
        <v>4476</v>
      </c>
      <c r="E468" s="3" t="s">
        <v>4477</v>
      </c>
      <c r="F468" s="6" t="s">
        <v>4478</v>
      </c>
      <c r="G468" s="3" t="s">
        <v>16</v>
      </c>
      <c r="H468" s="3" t="s">
        <v>24</v>
      </c>
      <c r="I468" s="3" t="s">
        <v>52</v>
      </c>
      <c r="J468" s="3" t="s">
        <v>13</v>
      </c>
      <c r="K468" s="4">
        <v>43388</v>
      </c>
    </row>
    <row r="469" spans="1:11" ht="90" x14ac:dyDescent="0.25">
      <c r="A469" s="6" t="s">
        <v>4552</v>
      </c>
      <c r="B469" s="8" t="s">
        <v>12</v>
      </c>
      <c r="C469" s="8">
        <v>1814</v>
      </c>
      <c r="D469" s="8">
        <v>1814</v>
      </c>
      <c r="E469" s="3" t="s">
        <v>4553</v>
      </c>
      <c r="F469" s="6" t="s">
        <v>4554</v>
      </c>
      <c r="G469" s="3" t="s">
        <v>16</v>
      </c>
      <c r="H469" s="3" t="s">
        <v>24</v>
      </c>
      <c r="I469" s="3" t="s">
        <v>542</v>
      </c>
      <c r="J469" s="3" t="s">
        <v>4555</v>
      </c>
      <c r="K469" s="4">
        <v>43388</v>
      </c>
    </row>
    <row r="470" spans="1:11" ht="30" x14ac:dyDescent="0.25">
      <c r="A470" s="6" t="s">
        <v>4556</v>
      </c>
      <c r="B470" s="8" t="s">
        <v>12</v>
      </c>
      <c r="C470" s="8" t="s">
        <v>4557</v>
      </c>
      <c r="D470" s="8" t="s">
        <v>4558</v>
      </c>
      <c r="E470" s="3" t="s">
        <v>454</v>
      </c>
      <c r="F470" s="6" t="s">
        <v>4559</v>
      </c>
      <c r="G470" s="3" t="s">
        <v>16</v>
      </c>
      <c r="H470" s="3" t="s">
        <v>24</v>
      </c>
      <c r="I470" s="3" t="s">
        <v>57</v>
      </c>
      <c r="J470" s="3" t="s">
        <v>4560</v>
      </c>
      <c r="K470" s="4">
        <v>43388</v>
      </c>
    </row>
    <row r="471" spans="1:11" x14ac:dyDescent="0.25">
      <c r="A471" s="6" t="s">
        <v>4614</v>
      </c>
      <c r="B471" s="8" t="s">
        <v>12</v>
      </c>
      <c r="C471" s="8">
        <v>1725</v>
      </c>
      <c r="D471" s="8">
        <v>1725</v>
      </c>
      <c r="E471" s="3" t="s">
        <v>4477</v>
      </c>
      <c r="F471" s="6" t="s">
        <v>4615</v>
      </c>
      <c r="G471" s="3" t="s">
        <v>16</v>
      </c>
      <c r="H471" s="3" t="s">
        <v>24</v>
      </c>
      <c r="I471" s="3" t="s">
        <v>52</v>
      </c>
      <c r="J471" s="3" t="s">
        <v>13</v>
      </c>
      <c r="K471" s="4">
        <v>43388</v>
      </c>
    </row>
    <row r="472" spans="1:11" ht="30" x14ac:dyDescent="0.25">
      <c r="A472" s="6" t="s">
        <v>4727</v>
      </c>
      <c r="B472" s="8" t="s">
        <v>12</v>
      </c>
      <c r="C472" s="8" t="s">
        <v>4728</v>
      </c>
      <c r="D472" s="8">
        <v>1724</v>
      </c>
      <c r="E472" s="3" t="s">
        <v>4729</v>
      </c>
      <c r="F472" s="6" t="s">
        <v>4730</v>
      </c>
      <c r="G472" s="3" t="s">
        <v>16</v>
      </c>
      <c r="H472" s="3" t="s">
        <v>24</v>
      </c>
      <c r="I472" s="3" t="s">
        <v>52</v>
      </c>
      <c r="J472" s="3" t="s">
        <v>13</v>
      </c>
      <c r="K472" s="4">
        <v>43388</v>
      </c>
    </row>
    <row r="473" spans="1:11" ht="30" x14ac:dyDescent="0.25">
      <c r="A473" s="6" t="s">
        <v>4754</v>
      </c>
      <c r="B473" s="8" t="s">
        <v>12</v>
      </c>
      <c r="C473" s="8" t="s">
        <v>1697</v>
      </c>
      <c r="D473" s="8">
        <v>1553</v>
      </c>
      <c r="E473" s="3" t="s">
        <v>4755</v>
      </c>
      <c r="F473" s="6" t="s">
        <v>4756</v>
      </c>
      <c r="G473" s="3" t="s">
        <v>16</v>
      </c>
      <c r="H473" s="3" t="s">
        <v>24</v>
      </c>
      <c r="I473" s="3" t="s">
        <v>57</v>
      </c>
      <c r="J473" s="3" t="s">
        <v>4757</v>
      </c>
      <c r="K473" s="4">
        <v>43388</v>
      </c>
    </row>
    <row r="474" spans="1:11" ht="30" x14ac:dyDescent="0.25">
      <c r="A474" s="6" t="s">
        <v>4775</v>
      </c>
      <c r="B474" s="8" t="s">
        <v>12</v>
      </c>
      <c r="C474" s="8" t="s">
        <v>792</v>
      </c>
      <c r="D474" s="8">
        <v>1682</v>
      </c>
      <c r="E474" s="3" t="s">
        <v>454</v>
      </c>
      <c r="F474" s="6" t="s">
        <v>4776</v>
      </c>
      <c r="G474" s="3" t="s">
        <v>16</v>
      </c>
      <c r="H474" s="3" t="s">
        <v>24</v>
      </c>
      <c r="I474" s="3" t="s">
        <v>3535</v>
      </c>
      <c r="J474" s="3" t="s">
        <v>4777</v>
      </c>
      <c r="K474" s="4">
        <v>43388</v>
      </c>
    </row>
    <row r="475" spans="1:11" ht="30" x14ac:dyDescent="0.25">
      <c r="A475" s="6" t="s">
        <v>4785</v>
      </c>
      <c r="B475" s="8" t="s">
        <v>12</v>
      </c>
      <c r="C475" s="8" t="s">
        <v>4786</v>
      </c>
      <c r="D475" s="8" t="s">
        <v>4787</v>
      </c>
      <c r="E475" s="3" t="s">
        <v>454</v>
      </c>
      <c r="F475" s="6" t="s">
        <v>4788</v>
      </c>
      <c r="G475" s="3" t="s">
        <v>16</v>
      </c>
      <c r="H475" s="3" t="s">
        <v>24</v>
      </c>
      <c r="I475" s="3" t="s">
        <v>57</v>
      </c>
      <c r="J475" s="3" t="s">
        <v>4789</v>
      </c>
      <c r="K475" s="4">
        <v>43388</v>
      </c>
    </row>
    <row r="476" spans="1:11" x14ac:dyDescent="0.25">
      <c r="A476" s="6" t="s">
        <v>4856</v>
      </c>
      <c r="B476" s="8" t="s">
        <v>12</v>
      </c>
      <c r="C476" s="8" t="s">
        <v>3002</v>
      </c>
      <c r="D476" s="8">
        <v>1759</v>
      </c>
      <c r="E476" s="3" t="s">
        <v>248</v>
      </c>
      <c r="F476" s="6" t="s">
        <v>4857</v>
      </c>
      <c r="G476" s="3" t="s">
        <v>16</v>
      </c>
      <c r="H476" s="3" t="s">
        <v>24</v>
      </c>
      <c r="I476" s="3" t="s">
        <v>250</v>
      </c>
      <c r="J476" s="3" t="s">
        <v>4858</v>
      </c>
      <c r="K476" s="4">
        <v>43388</v>
      </c>
    </row>
    <row r="477" spans="1:11" ht="120" x14ac:dyDescent="0.25">
      <c r="A477" s="6" t="s">
        <v>4863</v>
      </c>
      <c r="B477" s="8" t="s">
        <v>12</v>
      </c>
      <c r="C477" s="8" t="s">
        <v>13</v>
      </c>
      <c r="D477" s="8">
        <v>1847</v>
      </c>
      <c r="E477" s="3" t="s">
        <v>13</v>
      </c>
      <c r="F477" s="6" t="s">
        <v>4864</v>
      </c>
      <c r="G477" s="3" t="s">
        <v>16</v>
      </c>
      <c r="H477" s="3" t="s">
        <v>17</v>
      </c>
      <c r="I477" s="3" t="s">
        <v>121</v>
      </c>
      <c r="J477" s="3" t="s">
        <v>13</v>
      </c>
      <c r="K477" s="4">
        <v>43388</v>
      </c>
    </row>
    <row r="478" spans="1:11" ht="120" x14ac:dyDescent="0.25">
      <c r="A478" s="6" t="s">
        <v>4903</v>
      </c>
      <c r="B478" s="8" t="s">
        <v>12</v>
      </c>
      <c r="C478" s="8" t="s">
        <v>13</v>
      </c>
      <c r="D478" s="8">
        <v>1810</v>
      </c>
      <c r="E478" s="3" t="s">
        <v>13</v>
      </c>
      <c r="F478" s="6" t="s">
        <v>4904</v>
      </c>
      <c r="G478" s="3" t="s">
        <v>16</v>
      </c>
      <c r="H478" s="3" t="s">
        <v>17</v>
      </c>
      <c r="I478" s="3" t="s">
        <v>250</v>
      </c>
      <c r="J478" s="3" t="s">
        <v>2261</v>
      </c>
      <c r="K478" s="4">
        <v>43388</v>
      </c>
    </row>
    <row r="479" spans="1:11" ht="45" x14ac:dyDescent="0.25">
      <c r="A479" s="6" t="s">
        <v>4920</v>
      </c>
      <c r="B479" s="8" t="s">
        <v>12</v>
      </c>
      <c r="C479" s="8" t="s">
        <v>4921</v>
      </c>
      <c r="D479" s="8">
        <v>1826</v>
      </c>
      <c r="E479" s="3" t="s">
        <v>13</v>
      </c>
      <c r="F479" s="6" t="s">
        <v>4922</v>
      </c>
      <c r="G479" s="3" t="s">
        <v>16</v>
      </c>
      <c r="H479" s="3" t="s">
        <v>30</v>
      </c>
      <c r="I479" s="3" t="s">
        <v>31</v>
      </c>
      <c r="J479" s="3" t="s">
        <v>4923</v>
      </c>
      <c r="K479" s="4">
        <v>43388</v>
      </c>
    </row>
    <row r="480" spans="1:11" x14ac:dyDescent="0.25">
      <c r="A480" s="6" t="s">
        <v>4932</v>
      </c>
      <c r="B480" s="8" t="s">
        <v>12</v>
      </c>
      <c r="C480" s="8" t="s">
        <v>331</v>
      </c>
      <c r="D480" s="8">
        <v>1664</v>
      </c>
      <c r="E480" s="3" t="s">
        <v>1303</v>
      </c>
      <c r="F480" s="6" t="s">
        <v>4933</v>
      </c>
      <c r="G480" s="3" t="s">
        <v>16</v>
      </c>
      <c r="H480" s="3" t="s">
        <v>24</v>
      </c>
      <c r="I480" s="3" t="s">
        <v>57</v>
      </c>
      <c r="J480" s="3" t="s">
        <v>4934</v>
      </c>
      <c r="K480" s="4">
        <v>43388</v>
      </c>
    </row>
    <row r="481" spans="1:11" ht="30" x14ac:dyDescent="0.25">
      <c r="A481" s="6" t="s">
        <v>4960</v>
      </c>
      <c r="B481" s="8" t="s">
        <v>12</v>
      </c>
      <c r="C481" s="8">
        <v>1729</v>
      </c>
      <c r="D481" s="8">
        <v>1729</v>
      </c>
      <c r="E481" s="3" t="s">
        <v>950</v>
      </c>
      <c r="F481" s="6" t="s">
        <v>4961</v>
      </c>
      <c r="G481" s="3" t="s">
        <v>16</v>
      </c>
      <c r="H481" s="3" t="s">
        <v>30</v>
      </c>
      <c r="I481" s="3" t="s">
        <v>52</v>
      </c>
      <c r="J481" s="3" t="s">
        <v>4962</v>
      </c>
      <c r="K481" s="4">
        <v>43388</v>
      </c>
    </row>
    <row r="482" spans="1:11" ht="135" x14ac:dyDescent="0.25">
      <c r="A482" s="6" t="s">
        <v>5008</v>
      </c>
      <c r="B482" s="8" t="s">
        <v>12</v>
      </c>
      <c r="C482" s="8">
        <v>1899</v>
      </c>
      <c r="D482" s="8">
        <v>1899</v>
      </c>
      <c r="E482" s="3" t="s">
        <v>557</v>
      </c>
      <c r="F482" s="6" t="s">
        <v>5009</v>
      </c>
      <c r="G482" s="3" t="s">
        <v>16</v>
      </c>
      <c r="H482" s="3" t="s">
        <v>17</v>
      </c>
      <c r="I482" s="3" t="s">
        <v>18</v>
      </c>
      <c r="J482" s="3" t="s">
        <v>5010</v>
      </c>
      <c r="K482" s="4">
        <v>43388</v>
      </c>
    </row>
    <row r="483" spans="1:11" x14ac:dyDescent="0.25">
      <c r="A483" s="6" t="s">
        <v>5033</v>
      </c>
      <c r="B483" s="8" t="s">
        <v>12</v>
      </c>
      <c r="C483" s="8">
        <v>1854</v>
      </c>
      <c r="D483" s="8">
        <v>1854</v>
      </c>
      <c r="E483" s="3" t="s">
        <v>230</v>
      </c>
      <c r="F483" s="6" t="s">
        <v>5034</v>
      </c>
      <c r="G483" s="3" t="s">
        <v>16</v>
      </c>
      <c r="H483" s="3" t="s">
        <v>17</v>
      </c>
      <c r="I483" s="3" t="s">
        <v>18</v>
      </c>
      <c r="J483" s="3" t="s">
        <v>5035</v>
      </c>
      <c r="K483" s="4">
        <v>43388</v>
      </c>
    </row>
    <row r="484" spans="1:11" ht="60" x14ac:dyDescent="0.25">
      <c r="A484" s="6" t="s">
        <v>5078</v>
      </c>
      <c r="B484" s="8" t="s">
        <v>12</v>
      </c>
      <c r="C484" s="8" t="s">
        <v>2761</v>
      </c>
      <c r="D484" s="8">
        <v>1572</v>
      </c>
      <c r="E484" s="3" t="s">
        <v>5079</v>
      </c>
      <c r="F484" s="6" t="s">
        <v>1155</v>
      </c>
      <c r="G484" s="3" t="s">
        <v>16</v>
      </c>
      <c r="H484" s="3" t="s">
        <v>244</v>
      </c>
      <c r="I484" s="3" t="s">
        <v>57</v>
      </c>
      <c r="J484" s="3" t="s">
        <v>5080</v>
      </c>
      <c r="K484" s="4">
        <v>43388</v>
      </c>
    </row>
    <row r="485" spans="1:11" ht="60" x14ac:dyDescent="0.25">
      <c r="A485" s="6" t="s">
        <v>5141</v>
      </c>
      <c r="B485" s="8" t="s">
        <v>12</v>
      </c>
      <c r="C485" s="8" t="s">
        <v>13</v>
      </c>
      <c r="D485" s="8">
        <v>1701</v>
      </c>
      <c r="E485" s="3" t="s">
        <v>1105</v>
      </c>
      <c r="F485" s="6" t="s">
        <v>5142</v>
      </c>
      <c r="G485" s="3" t="s">
        <v>16</v>
      </c>
      <c r="H485" s="3" t="s">
        <v>24</v>
      </c>
      <c r="I485" s="3" t="s">
        <v>226</v>
      </c>
      <c r="J485" s="3" t="s">
        <v>5143</v>
      </c>
      <c r="K485" s="4">
        <v>43388</v>
      </c>
    </row>
    <row r="486" spans="1:11" x14ac:dyDescent="0.25">
      <c r="A486" s="6" t="s">
        <v>5146</v>
      </c>
      <c r="B486" s="8" t="s">
        <v>12</v>
      </c>
      <c r="C486" s="8">
        <v>1853</v>
      </c>
      <c r="D486" s="8">
        <v>1853</v>
      </c>
      <c r="E486" s="3" t="s">
        <v>5147</v>
      </c>
      <c r="F486" s="6" t="s">
        <v>5148</v>
      </c>
      <c r="G486" s="3" t="s">
        <v>16</v>
      </c>
      <c r="H486" s="3" t="s">
        <v>244</v>
      </c>
      <c r="I486" s="3" t="s">
        <v>394</v>
      </c>
      <c r="J486" s="3" t="s">
        <v>5149</v>
      </c>
      <c r="K486" s="4">
        <v>43388</v>
      </c>
    </row>
    <row r="487" spans="1:11" x14ac:dyDescent="0.25">
      <c r="A487" s="6" t="s">
        <v>5165</v>
      </c>
      <c r="B487" s="8" t="s">
        <v>12</v>
      </c>
      <c r="C487" s="8" t="s">
        <v>664</v>
      </c>
      <c r="D487" s="8">
        <v>1659</v>
      </c>
      <c r="E487" s="3" t="s">
        <v>5166</v>
      </c>
      <c r="F487" s="6" t="s">
        <v>5167</v>
      </c>
      <c r="G487" s="3" t="s">
        <v>16</v>
      </c>
      <c r="H487" s="3" t="s">
        <v>24</v>
      </c>
      <c r="I487" s="3" t="s">
        <v>31</v>
      </c>
      <c r="J487" s="3" t="s">
        <v>5168</v>
      </c>
      <c r="K487" s="4">
        <v>43388</v>
      </c>
    </row>
    <row r="488" spans="1:11" ht="45" x14ac:dyDescent="0.25">
      <c r="A488" s="6" t="s">
        <v>5187</v>
      </c>
      <c r="B488" s="8" t="s">
        <v>12</v>
      </c>
      <c r="C488" s="8">
        <v>1816</v>
      </c>
      <c r="D488" s="8">
        <v>1816</v>
      </c>
      <c r="E488" s="3" t="s">
        <v>13</v>
      </c>
      <c r="F488" s="6" t="s">
        <v>5188</v>
      </c>
      <c r="G488" s="3" t="s">
        <v>16</v>
      </c>
      <c r="H488" s="3" t="s">
        <v>24</v>
      </c>
      <c r="I488" s="3" t="s">
        <v>250</v>
      </c>
      <c r="J488" s="3" t="s">
        <v>5189</v>
      </c>
      <c r="K488" s="4">
        <v>43388</v>
      </c>
    </row>
    <row r="489" spans="1:11" x14ac:dyDescent="0.25">
      <c r="A489" s="6" t="s">
        <v>5207</v>
      </c>
      <c r="B489" s="8" t="s">
        <v>12</v>
      </c>
      <c r="C489" s="8" t="s">
        <v>1607</v>
      </c>
      <c r="D489" s="8">
        <v>1710</v>
      </c>
      <c r="E489" s="3" t="s">
        <v>3485</v>
      </c>
      <c r="F489" s="6" t="s">
        <v>5208</v>
      </c>
      <c r="G489" s="3" t="s">
        <v>16</v>
      </c>
      <c r="H489" s="3" t="s">
        <v>24</v>
      </c>
      <c r="I489" s="3" t="s">
        <v>57</v>
      </c>
      <c r="J489" s="3" t="s">
        <v>5209</v>
      </c>
      <c r="K489" s="4">
        <v>43388</v>
      </c>
    </row>
    <row r="490" spans="1:11" ht="30" x14ac:dyDescent="0.25">
      <c r="A490" s="6" t="s">
        <v>5210</v>
      </c>
      <c r="B490" s="8" t="s">
        <v>12</v>
      </c>
      <c r="C490" s="8" t="s">
        <v>5211</v>
      </c>
      <c r="D490" s="8">
        <v>1607</v>
      </c>
      <c r="E490" s="3" t="s">
        <v>5212</v>
      </c>
      <c r="F490" s="6" t="s">
        <v>5213</v>
      </c>
      <c r="G490" s="3" t="s">
        <v>16</v>
      </c>
      <c r="H490" s="3" t="s">
        <v>24</v>
      </c>
      <c r="I490" s="3" t="s">
        <v>1360</v>
      </c>
      <c r="J490" s="3" t="s">
        <v>5214</v>
      </c>
      <c r="K490" s="4">
        <v>43388</v>
      </c>
    </row>
    <row r="491" spans="1:11" ht="45" x14ac:dyDescent="0.25">
      <c r="A491" s="6" t="s">
        <v>5220</v>
      </c>
      <c r="B491" s="8" t="s">
        <v>12</v>
      </c>
      <c r="C491" s="8" t="s">
        <v>13</v>
      </c>
      <c r="D491" s="8">
        <v>1904</v>
      </c>
      <c r="E491" s="3" t="s">
        <v>13</v>
      </c>
      <c r="F491" s="6" t="s">
        <v>5221</v>
      </c>
      <c r="G491" s="3" t="s">
        <v>16</v>
      </c>
      <c r="H491" s="3" t="s">
        <v>17</v>
      </c>
      <c r="I491" s="3" t="s">
        <v>13</v>
      </c>
      <c r="J491" s="3" t="s">
        <v>5222</v>
      </c>
      <c r="K491" s="4">
        <v>43388</v>
      </c>
    </row>
    <row r="492" spans="1:11" ht="30" x14ac:dyDescent="0.25">
      <c r="A492" s="6" t="s">
        <v>5234</v>
      </c>
      <c r="B492" s="8" t="s">
        <v>12</v>
      </c>
      <c r="C492" s="8" t="s">
        <v>13</v>
      </c>
      <c r="D492" s="8">
        <v>1701</v>
      </c>
      <c r="E492" s="3" t="s">
        <v>1105</v>
      </c>
      <c r="F492" s="6" t="s">
        <v>5235</v>
      </c>
      <c r="G492" s="3" t="s">
        <v>16</v>
      </c>
      <c r="H492" s="3" t="s">
        <v>24</v>
      </c>
      <c r="I492" s="3" t="s">
        <v>226</v>
      </c>
      <c r="J492" s="3" t="s">
        <v>5236</v>
      </c>
      <c r="K492" s="4">
        <v>43388</v>
      </c>
    </row>
    <row r="493" spans="1:11" ht="45" x14ac:dyDescent="0.25">
      <c r="A493" s="6" t="s">
        <v>5256</v>
      </c>
      <c r="B493" s="8" t="s">
        <v>12</v>
      </c>
      <c r="C493" s="8">
        <v>1847</v>
      </c>
      <c r="D493" s="8">
        <v>1847</v>
      </c>
      <c r="E493" s="3" t="s">
        <v>5257</v>
      </c>
      <c r="F493" s="6" t="s">
        <v>5258</v>
      </c>
      <c r="G493" s="3" t="s">
        <v>16</v>
      </c>
      <c r="H493" s="3" t="s">
        <v>30</v>
      </c>
      <c r="I493" s="3" t="s">
        <v>57</v>
      </c>
      <c r="J493" s="3" t="s">
        <v>5259</v>
      </c>
      <c r="K493" s="4">
        <v>43388</v>
      </c>
    </row>
    <row r="494" spans="1:11" x14ac:dyDescent="0.25">
      <c r="A494" s="6" t="s">
        <v>5295</v>
      </c>
      <c r="B494" s="8" t="s">
        <v>12</v>
      </c>
      <c r="C494" s="8" t="s">
        <v>5296</v>
      </c>
      <c r="D494" s="8" t="s">
        <v>5297</v>
      </c>
      <c r="E494" s="3" t="s">
        <v>1449</v>
      </c>
      <c r="F494" s="6" t="s">
        <v>5298</v>
      </c>
      <c r="G494" s="3" t="s">
        <v>16</v>
      </c>
      <c r="H494" s="3" t="s">
        <v>24</v>
      </c>
      <c r="I494" s="3" t="s">
        <v>57</v>
      </c>
      <c r="J494" s="3" t="s">
        <v>5299</v>
      </c>
      <c r="K494" s="4">
        <v>43388</v>
      </c>
    </row>
    <row r="495" spans="1:11" ht="30" x14ac:dyDescent="0.25">
      <c r="A495" s="6" t="s">
        <v>5321</v>
      </c>
      <c r="B495" s="8" t="s">
        <v>12</v>
      </c>
      <c r="C495" s="8">
        <v>1625</v>
      </c>
      <c r="D495" s="8">
        <v>1625</v>
      </c>
      <c r="E495" s="3" t="s">
        <v>2491</v>
      </c>
      <c r="F495" s="6" t="s">
        <v>5322</v>
      </c>
      <c r="G495" s="3" t="s">
        <v>16</v>
      </c>
      <c r="H495" s="3" t="s">
        <v>24</v>
      </c>
      <c r="I495" s="3" t="s">
        <v>57</v>
      </c>
      <c r="J495" s="3" t="s">
        <v>13</v>
      </c>
      <c r="K495" s="4">
        <v>43388</v>
      </c>
    </row>
    <row r="496" spans="1:11" ht="45" x14ac:dyDescent="0.25">
      <c r="A496" s="6" t="s">
        <v>5359</v>
      </c>
      <c r="B496" s="8" t="s">
        <v>12</v>
      </c>
      <c r="C496" s="8" t="s">
        <v>5360</v>
      </c>
      <c r="D496" s="8" t="s">
        <v>5361</v>
      </c>
      <c r="E496" s="3" t="s">
        <v>2144</v>
      </c>
      <c r="F496" s="6" t="s">
        <v>5362</v>
      </c>
      <c r="G496" s="3" t="s">
        <v>16</v>
      </c>
      <c r="H496" s="3" t="s">
        <v>24</v>
      </c>
      <c r="I496" s="3" t="s">
        <v>57</v>
      </c>
      <c r="J496" s="3" t="s">
        <v>5363</v>
      </c>
      <c r="K496" s="4">
        <v>43388</v>
      </c>
    </row>
    <row r="497" spans="1:11" ht="195" x14ac:dyDescent="0.25">
      <c r="A497" s="6" t="s">
        <v>5368</v>
      </c>
      <c r="B497" s="8" t="s">
        <v>12</v>
      </c>
      <c r="C497" s="8" t="s">
        <v>1901</v>
      </c>
      <c r="D497" s="8">
        <v>1818</v>
      </c>
      <c r="E497" s="3" t="s">
        <v>13</v>
      </c>
      <c r="F497" s="6" t="s">
        <v>5369</v>
      </c>
      <c r="G497" s="3" t="s">
        <v>16</v>
      </c>
      <c r="H497" s="3" t="s">
        <v>24</v>
      </c>
      <c r="I497" s="3" t="s">
        <v>250</v>
      </c>
      <c r="J497" s="3" t="s">
        <v>5370</v>
      </c>
      <c r="K497" s="4">
        <v>43388</v>
      </c>
    </row>
    <row r="498" spans="1:11" ht="30" x14ac:dyDescent="0.25">
      <c r="A498" s="6" t="s">
        <v>5482</v>
      </c>
      <c r="B498" s="8" t="s">
        <v>12</v>
      </c>
      <c r="C498" s="8" t="s">
        <v>4325</v>
      </c>
      <c r="D498" s="8">
        <v>1662</v>
      </c>
      <c r="E498" s="3" t="s">
        <v>5483</v>
      </c>
      <c r="F498" s="6" t="s">
        <v>5484</v>
      </c>
      <c r="G498" s="3" t="s">
        <v>16</v>
      </c>
      <c r="H498" s="3" t="s">
        <v>24</v>
      </c>
      <c r="I498" s="3" t="s">
        <v>57</v>
      </c>
      <c r="J498" s="3" t="s">
        <v>5485</v>
      </c>
      <c r="K498" s="4">
        <v>43388</v>
      </c>
    </row>
    <row r="499" spans="1:11" ht="30" x14ac:dyDescent="0.25">
      <c r="A499" s="6" t="s">
        <v>5574</v>
      </c>
      <c r="B499" s="8" t="s">
        <v>12</v>
      </c>
      <c r="C499" s="8" t="s">
        <v>2159</v>
      </c>
      <c r="D499" s="8">
        <v>1544</v>
      </c>
      <c r="E499" s="3" t="s">
        <v>3986</v>
      </c>
      <c r="F499" s="6" t="s">
        <v>5575</v>
      </c>
      <c r="G499" s="3" t="s">
        <v>16</v>
      </c>
      <c r="H499" s="3" t="s">
        <v>24</v>
      </c>
      <c r="I499" s="3" t="s">
        <v>182</v>
      </c>
      <c r="J499" s="3" t="s">
        <v>2379</v>
      </c>
      <c r="K499" s="4">
        <v>43388</v>
      </c>
    </row>
    <row r="500" spans="1:11" ht="60" x14ac:dyDescent="0.25">
      <c r="A500" s="6" t="s">
        <v>5586</v>
      </c>
      <c r="B500" s="8" t="s">
        <v>12</v>
      </c>
      <c r="C500" s="8" t="s">
        <v>5587</v>
      </c>
      <c r="D500" s="8" t="s">
        <v>5588</v>
      </c>
      <c r="E500" s="3" t="s">
        <v>454</v>
      </c>
      <c r="F500" s="6" t="s">
        <v>5589</v>
      </c>
      <c r="G500" s="3" t="s">
        <v>16</v>
      </c>
      <c r="H500" s="3" t="s">
        <v>24</v>
      </c>
      <c r="I500" s="3" t="s">
        <v>57</v>
      </c>
      <c r="J500" s="3" t="s">
        <v>13</v>
      </c>
      <c r="K500" s="4">
        <v>43388</v>
      </c>
    </row>
    <row r="501" spans="1:11" x14ac:dyDescent="0.25">
      <c r="A501" s="6" t="s">
        <v>5616</v>
      </c>
      <c r="B501" s="8" t="s">
        <v>12</v>
      </c>
      <c r="C501" s="8" t="s">
        <v>3002</v>
      </c>
      <c r="D501" s="8">
        <v>1759</v>
      </c>
      <c r="E501" s="3" t="s">
        <v>248</v>
      </c>
      <c r="F501" s="6" t="s">
        <v>5617</v>
      </c>
      <c r="G501" s="3" t="s">
        <v>16</v>
      </c>
      <c r="H501" s="3" t="s">
        <v>24</v>
      </c>
      <c r="I501" s="3" t="s">
        <v>57</v>
      </c>
      <c r="J501" s="3" t="s">
        <v>5618</v>
      </c>
      <c r="K501" s="4">
        <v>43388</v>
      </c>
    </row>
    <row r="502" spans="1:11" ht="60" x14ac:dyDescent="0.25">
      <c r="A502" s="6" t="s">
        <v>5655</v>
      </c>
      <c r="B502" s="8" t="s">
        <v>12</v>
      </c>
      <c r="C502" s="8">
        <v>1705</v>
      </c>
      <c r="D502" s="8">
        <v>1705</v>
      </c>
      <c r="E502" s="3" t="s">
        <v>1990</v>
      </c>
      <c r="F502" s="6" t="s">
        <v>5656</v>
      </c>
      <c r="G502" s="3" t="s">
        <v>16</v>
      </c>
      <c r="H502" s="3" t="s">
        <v>24</v>
      </c>
      <c r="I502" s="3" t="s">
        <v>52</v>
      </c>
      <c r="J502" s="3" t="s">
        <v>13</v>
      </c>
      <c r="K502" s="4">
        <v>43388</v>
      </c>
    </row>
    <row r="503" spans="1:11" ht="45" x14ac:dyDescent="0.25">
      <c r="A503" s="6" t="s">
        <v>5657</v>
      </c>
      <c r="B503" s="8" t="s">
        <v>12</v>
      </c>
      <c r="C503" s="8" t="s">
        <v>5658</v>
      </c>
      <c r="D503" s="8" t="s">
        <v>5659</v>
      </c>
      <c r="E503" s="3" t="s">
        <v>164</v>
      </c>
      <c r="F503" s="6" t="s">
        <v>5660</v>
      </c>
      <c r="G503" s="3" t="s">
        <v>16</v>
      </c>
      <c r="H503" s="3" t="s">
        <v>24</v>
      </c>
      <c r="I503" s="3" t="s">
        <v>57</v>
      </c>
      <c r="J503" s="3" t="s">
        <v>13</v>
      </c>
      <c r="K503" s="4">
        <v>43388</v>
      </c>
    </row>
    <row r="504" spans="1:11" ht="30" x14ac:dyDescent="0.25">
      <c r="A504" s="6" t="s">
        <v>5663</v>
      </c>
      <c r="B504" s="8" t="s">
        <v>12</v>
      </c>
      <c r="C504" s="8" t="s">
        <v>5664</v>
      </c>
      <c r="D504" s="8" t="s">
        <v>5665</v>
      </c>
      <c r="E504" s="3" t="s">
        <v>5666</v>
      </c>
      <c r="F504" s="6" t="s">
        <v>5667</v>
      </c>
      <c r="G504" s="3" t="s">
        <v>16</v>
      </c>
      <c r="H504" s="3" t="s">
        <v>24</v>
      </c>
      <c r="I504" s="3" t="s">
        <v>57</v>
      </c>
      <c r="J504" s="3" t="s">
        <v>13</v>
      </c>
      <c r="K504" s="4">
        <v>43388</v>
      </c>
    </row>
    <row r="505" spans="1:11" ht="45" x14ac:dyDescent="0.25">
      <c r="A505" s="6" t="s">
        <v>5687</v>
      </c>
      <c r="B505" s="8" t="s">
        <v>12</v>
      </c>
      <c r="C505" s="8" t="s">
        <v>5688</v>
      </c>
      <c r="D505" s="8" t="s">
        <v>5689</v>
      </c>
      <c r="E505" s="3" t="s">
        <v>4477</v>
      </c>
      <c r="F505" s="6" t="s">
        <v>5690</v>
      </c>
      <c r="G505" s="3" t="s">
        <v>16</v>
      </c>
      <c r="H505" s="3" t="s">
        <v>24</v>
      </c>
      <c r="I505" s="3" t="s">
        <v>52</v>
      </c>
      <c r="J505" s="3" t="s">
        <v>13</v>
      </c>
      <c r="K505" s="4">
        <v>43388</v>
      </c>
    </row>
    <row r="506" spans="1:11" ht="60" x14ac:dyDescent="0.25">
      <c r="A506" s="6" t="s">
        <v>5700</v>
      </c>
      <c r="B506" s="8" t="s">
        <v>12</v>
      </c>
      <c r="C506" s="8" t="s">
        <v>5701</v>
      </c>
      <c r="D506" s="8">
        <v>1817</v>
      </c>
      <c r="E506" s="3" t="s">
        <v>784</v>
      </c>
      <c r="F506" s="6" t="s">
        <v>5702</v>
      </c>
      <c r="G506" s="3" t="s">
        <v>16</v>
      </c>
      <c r="H506" s="3" t="s">
        <v>17</v>
      </c>
      <c r="I506" s="3" t="s">
        <v>250</v>
      </c>
      <c r="J506" s="3" t="s">
        <v>5703</v>
      </c>
      <c r="K506" s="4">
        <v>43388</v>
      </c>
    </row>
    <row r="507" spans="1:11" ht="30" x14ac:dyDescent="0.25">
      <c r="A507" s="6" t="s">
        <v>5704</v>
      </c>
      <c r="B507" s="8" t="s">
        <v>12</v>
      </c>
      <c r="C507" s="8" t="s">
        <v>5705</v>
      </c>
      <c r="D507" s="8" t="s">
        <v>5706</v>
      </c>
      <c r="E507" s="3" t="s">
        <v>454</v>
      </c>
      <c r="F507" s="6" t="s">
        <v>5707</v>
      </c>
      <c r="G507" s="3" t="s">
        <v>16</v>
      </c>
      <c r="H507" s="3" t="s">
        <v>24</v>
      </c>
      <c r="I507" s="3" t="s">
        <v>3535</v>
      </c>
      <c r="J507" s="3" t="s">
        <v>13</v>
      </c>
      <c r="K507" s="4">
        <v>43388</v>
      </c>
    </row>
    <row r="508" spans="1:11" ht="45" x14ac:dyDescent="0.25">
      <c r="A508" s="6" t="s">
        <v>5747</v>
      </c>
      <c r="B508" s="8" t="s">
        <v>12</v>
      </c>
      <c r="C508" s="8">
        <v>1727</v>
      </c>
      <c r="D508" s="8">
        <v>1727</v>
      </c>
      <c r="E508" s="3" t="s">
        <v>50</v>
      </c>
      <c r="F508" s="6" t="s">
        <v>5748</v>
      </c>
      <c r="G508" s="3" t="s">
        <v>16</v>
      </c>
      <c r="H508" s="3" t="s">
        <v>24</v>
      </c>
      <c r="I508" s="3" t="s">
        <v>52</v>
      </c>
      <c r="J508" s="3" t="s">
        <v>5749</v>
      </c>
      <c r="K508" s="4">
        <v>43388</v>
      </c>
    </row>
    <row r="509" spans="1:11" x14ac:dyDescent="0.25">
      <c r="A509" s="6" t="s">
        <v>236</v>
      </c>
      <c r="B509" s="8" t="s">
        <v>12</v>
      </c>
      <c r="C509" s="8" t="s">
        <v>237</v>
      </c>
      <c r="D509" s="8">
        <v>1668</v>
      </c>
      <c r="E509" s="3" t="s">
        <v>238</v>
      </c>
      <c r="F509" s="6" t="s">
        <v>239</v>
      </c>
      <c r="G509" s="3" t="s">
        <v>16</v>
      </c>
      <c r="H509" s="3" t="s">
        <v>24</v>
      </c>
      <c r="I509" s="3" t="s">
        <v>57</v>
      </c>
      <c r="J509" s="3" t="s">
        <v>240</v>
      </c>
      <c r="K509" s="4">
        <v>43385</v>
      </c>
    </row>
    <row r="510" spans="1:11" ht="75" x14ac:dyDescent="0.25">
      <c r="A510" s="6" t="s">
        <v>323</v>
      </c>
      <c r="B510" s="8" t="s">
        <v>12</v>
      </c>
      <c r="C510" s="8">
        <v>1906</v>
      </c>
      <c r="D510" s="8">
        <v>1906</v>
      </c>
      <c r="E510" s="3" t="s">
        <v>324</v>
      </c>
      <c r="F510" s="6" t="s">
        <v>325</v>
      </c>
      <c r="G510" s="3" t="s">
        <v>16</v>
      </c>
      <c r="H510" s="3" t="s">
        <v>17</v>
      </c>
      <c r="I510" s="3" t="s">
        <v>18</v>
      </c>
      <c r="J510" s="3" t="s">
        <v>326</v>
      </c>
      <c r="K510" s="4">
        <v>43385</v>
      </c>
    </row>
    <row r="511" spans="1:11" ht="75" x14ac:dyDescent="0.25">
      <c r="A511" s="6" t="s">
        <v>352</v>
      </c>
      <c r="B511" s="8" t="s">
        <v>12</v>
      </c>
      <c r="C511" s="8">
        <v>1907</v>
      </c>
      <c r="D511" s="8">
        <v>1907</v>
      </c>
      <c r="E511" s="3" t="s">
        <v>324</v>
      </c>
      <c r="F511" s="6" t="s">
        <v>325</v>
      </c>
      <c r="G511" s="3" t="s">
        <v>16</v>
      </c>
      <c r="H511" s="3" t="s">
        <v>17</v>
      </c>
      <c r="I511" s="3" t="s">
        <v>18</v>
      </c>
      <c r="J511" s="3" t="s">
        <v>353</v>
      </c>
      <c r="K511" s="4">
        <v>43385</v>
      </c>
    </row>
    <row r="512" spans="1:11" x14ac:dyDescent="0.25">
      <c r="A512" s="6" t="s">
        <v>472</v>
      </c>
      <c r="B512" s="8" t="s">
        <v>12</v>
      </c>
      <c r="C512" s="8" t="s">
        <v>473</v>
      </c>
      <c r="D512" s="8" t="s">
        <v>474</v>
      </c>
      <c r="E512" s="3" t="s">
        <v>475</v>
      </c>
      <c r="F512" s="6" t="s">
        <v>476</v>
      </c>
      <c r="G512" s="3" t="s">
        <v>16</v>
      </c>
      <c r="H512" s="3" t="s">
        <v>17</v>
      </c>
      <c r="I512" s="3" t="s">
        <v>18</v>
      </c>
      <c r="J512" s="3" t="s">
        <v>477</v>
      </c>
      <c r="K512" s="4">
        <v>43385</v>
      </c>
    </row>
    <row r="513" spans="1:11" ht="150" x14ac:dyDescent="0.25">
      <c r="A513" s="6" t="s">
        <v>639</v>
      </c>
      <c r="B513" s="8" t="s">
        <v>12</v>
      </c>
      <c r="C513" s="8" t="s">
        <v>196</v>
      </c>
      <c r="D513" s="8">
        <v>1571</v>
      </c>
      <c r="E513" s="3" t="s">
        <v>640</v>
      </c>
      <c r="F513" s="6" t="s">
        <v>641</v>
      </c>
      <c r="G513" s="3" t="s">
        <v>16</v>
      </c>
      <c r="H513" s="3" t="s">
        <v>24</v>
      </c>
      <c r="I513" s="3" t="s">
        <v>171</v>
      </c>
      <c r="J513" s="3" t="s">
        <v>642</v>
      </c>
      <c r="K513" s="4">
        <v>43385</v>
      </c>
    </row>
    <row r="514" spans="1:11" ht="30" x14ac:dyDescent="0.25">
      <c r="A514" s="6" t="s">
        <v>694</v>
      </c>
      <c r="B514" s="8" t="s">
        <v>12</v>
      </c>
      <c r="C514" s="8">
        <v>1822</v>
      </c>
      <c r="D514" s="8">
        <v>1822</v>
      </c>
      <c r="E514" s="3" t="s">
        <v>695</v>
      </c>
      <c r="F514" s="6" t="s">
        <v>696</v>
      </c>
      <c r="G514" s="3" t="s">
        <v>16</v>
      </c>
      <c r="H514" s="3" t="s">
        <v>17</v>
      </c>
      <c r="I514" s="3" t="s">
        <v>18</v>
      </c>
      <c r="J514" s="3" t="s">
        <v>697</v>
      </c>
      <c r="K514" s="4">
        <v>43385</v>
      </c>
    </row>
    <row r="515" spans="1:11" ht="120" x14ac:dyDescent="0.25">
      <c r="A515" s="6" t="s">
        <v>972</v>
      </c>
      <c r="B515" s="8" t="s">
        <v>12</v>
      </c>
      <c r="C515" s="8" t="s">
        <v>13</v>
      </c>
      <c r="D515" s="8">
        <v>1820</v>
      </c>
      <c r="E515" s="3" t="s">
        <v>973</v>
      </c>
      <c r="F515" s="6" t="s">
        <v>974</v>
      </c>
      <c r="G515" s="3" t="s">
        <v>16</v>
      </c>
      <c r="H515" s="3" t="s">
        <v>17</v>
      </c>
      <c r="I515" s="3" t="s">
        <v>250</v>
      </c>
      <c r="J515" s="3" t="s">
        <v>13</v>
      </c>
      <c r="K515" s="4">
        <v>43385</v>
      </c>
    </row>
    <row r="516" spans="1:11" ht="90" x14ac:dyDescent="0.25">
      <c r="A516" s="6" t="s">
        <v>1089</v>
      </c>
      <c r="B516" s="8" t="s">
        <v>12</v>
      </c>
      <c r="C516" s="8" t="s">
        <v>1090</v>
      </c>
      <c r="D516" s="8" t="s">
        <v>1091</v>
      </c>
      <c r="E516" s="3" t="s">
        <v>1092</v>
      </c>
      <c r="F516" s="6" t="s">
        <v>1093</v>
      </c>
      <c r="G516" s="3" t="s">
        <v>16</v>
      </c>
      <c r="H516" s="3" t="s">
        <v>17</v>
      </c>
      <c r="I516" s="3" t="s">
        <v>176</v>
      </c>
      <c r="J516" s="3" t="s">
        <v>1094</v>
      </c>
      <c r="K516" s="4">
        <v>43385</v>
      </c>
    </row>
    <row r="517" spans="1:11" ht="75" x14ac:dyDescent="0.25">
      <c r="A517" s="6" t="s">
        <v>1104</v>
      </c>
      <c r="B517" s="8" t="s">
        <v>12</v>
      </c>
      <c r="C517" s="8" t="s">
        <v>652</v>
      </c>
      <c r="D517" s="8">
        <v>1701</v>
      </c>
      <c r="E517" s="3" t="s">
        <v>1105</v>
      </c>
      <c r="F517" s="6" t="s">
        <v>1106</v>
      </c>
      <c r="G517" s="3" t="s">
        <v>16</v>
      </c>
      <c r="H517" s="3" t="s">
        <v>1107</v>
      </c>
      <c r="I517" s="3" t="s">
        <v>226</v>
      </c>
      <c r="J517" s="3" t="s">
        <v>1108</v>
      </c>
      <c r="K517" s="4">
        <v>43385</v>
      </c>
    </row>
    <row r="518" spans="1:11" ht="60" x14ac:dyDescent="0.25">
      <c r="A518" s="6" t="s">
        <v>1232</v>
      </c>
      <c r="B518" s="8" t="s">
        <v>12</v>
      </c>
      <c r="C518" s="8">
        <v>1824</v>
      </c>
      <c r="D518" s="8">
        <v>1824</v>
      </c>
      <c r="E518" s="3" t="s">
        <v>1233</v>
      </c>
      <c r="F518" s="6" t="s">
        <v>1234</v>
      </c>
      <c r="G518" s="3" t="s">
        <v>16</v>
      </c>
      <c r="H518" s="3" t="s">
        <v>17</v>
      </c>
      <c r="I518" s="3" t="s">
        <v>18</v>
      </c>
      <c r="J518" s="3" t="s">
        <v>13</v>
      </c>
      <c r="K518" s="4">
        <v>43385</v>
      </c>
    </row>
    <row r="519" spans="1:11" ht="75" x14ac:dyDescent="0.25">
      <c r="A519" s="6" t="s">
        <v>1353</v>
      </c>
      <c r="B519" s="8" t="s">
        <v>12</v>
      </c>
      <c r="C519" s="8">
        <v>1909</v>
      </c>
      <c r="D519" s="8">
        <v>1909</v>
      </c>
      <c r="E519" s="3" t="s">
        <v>324</v>
      </c>
      <c r="F519" s="6" t="s">
        <v>325</v>
      </c>
      <c r="G519" s="3" t="s">
        <v>16</v>
      </c>
      <c r="H519" s="3" t="s">
        <v>17</v>
      </c>
      <c r="I519" s="3" t="s">
        <v>18</v>
      </c>
      <c r="J519" s="3" t="s">
        <v>1354</v>
      </c>
      <c r="K519" s="4">
        <v>43385</v>
      </c>
    </row>
    <row r="520" spans="1:11" ht="30" x14ac:dyDescent="0.25">
      <c r="A520" s="6" t="s">
        <v>1355</v>
      </c>
      <c r="B520" s="8" t="s">
        <v>12</v>
      </c>
      <c r="C520" s="8" t="s">
        <v>135</v>
      </c>
      <c r="D520" s="8">
        <v>1730</v>
      </c>
      <c r="E520" s="3" t="s">
        <v>136</v>
      </c>
      <c r="F520" s="6" t="s">
        <v>137</v>
      </c>
      <c r="G520" s="3" t="s">
        <v>16</v>
      </c>
      <c r="H520" s="3" t="s">
        <v>17</v>
      </c>
      <c r="I520" s="3" t="s">
        <v>138</v>
      </c>
      <c r="J520" s="3" t="s">
        <v>924</v>
      </c>
      <c r="K520" s="4">
        <v>43385</v>
      </c>
    </row>
    <row r="521" spans="1:11" ht="30" x14ac:dyDescent="0.25">
      <c r="A521" s="6" t="s">
        <v>1373</v>
      </c>
      <c r="B521" s="8" t="s">
        <v>12</v>
      </c>
      <c r="C521" s="8" t="s">
        <v>1374</v>
      </c>
      <c r="D521" s="8">
        <v>1739</v>
      </c>
      <c r="E521" s="3" t="s">
        <v>1375</v>
      </c>
      <c r="F521" s="6" t="s">
        <v>1376</v>
      </c>
      <c r="G521" s="3" t="s">
        <v>16</v>
      </c>
      <c r="H521" s="3" t="s">
        <v>24</v>
      </c>
      <c r="I521" s="3" t="s">
        <v>18</v>
      </c>
      <c r="J521" s="3" t="s">
        <v>1377</v>
      </c>
      <c r="K521" s="4">
        <v>43385</v>
      </c>
    </row>
    <row r="522" spans="1:11" ht="105" x14ac:dyDescent="0.25">
      <c r="A522" s="6" t="s">
        <v>1534</v>
      </c>
      <c r="B522" s="8" t="s">
        <v>12</v>
      </c>
      <c r="C522" s="8" t="s">
        <v>196</v>
      </c>
      <c r="D522" s="8">
        <v>1571</v>
      </c>
      <c r="E522" s="3" t="s">
        <v>1535</v>
      </c>
      <c r="F522" s="6" t="s">
        <v>1536</v>
      </c>
      <c r="G522" s="3" t="s">
        <v>16</v>
      </c>
      <c r="H522" s="3" t="s">
        <v>30</v>
      </c>
      <c r="I522" s="3" t="s">
        <v>394</v>
      </c>
      <c r="J522" s="3" t="s">
        <v>1537</v>
      </c>
      <c r="K522" s="4">
        <v>43385</v>
      </c>
    </row>
    <row r="523" spans="1:11" ht="30" x14ac:dyDescent="0.25">
      <c r="A523" s="6" t="s">
        <v>1610</v>
      </c>
      <c r="B523" s="8" t="s">
        <v>12</v>
      </c>
      <c r="C523" s="8" t="s">
        <v>704</v>
      </c>
      <c r="D523" s="8">
        <v>1740</v>
      </c>
      <c r="E523" s="3" t="s">
        <v>1611</v>
      </c>
      <c r="F523" s="6" t="s">
        <v>1612</v>
      </c>
      <c r="G523" s="3" t="s">
        <v>16</v>
      </c>
      <c r="H523" s="3" t="s">
        <v>17</v>
      </c>
      <c r="I523" s="3" t="s">
        <v>18</v>
      </c>
      <c r="J523" s="3" t="s">
        <v>1613</v>
      </c>
      <c r="K523" s="4">
        <v>43385</v>
      </c>
    </row>
    <row r="524" spans="1:11" ht="75" x14ac:dyDescent="0.25">
      <c r="A524" s="6" t="s">
        <v>1626</v>
      </c>
      <c r="B524" s="8" t="s">
        <v>12</v>
      </c>
      <c r="C524" s="8" t="s">
        <v>13</v>
      </c>
      <c r="D524" s="8">
        <v>1809</v>
      </c>
      <c r="E524" s="3" t="s">
        <v>13</v>
      </c>
      <c r="F524" s="6" t="s">
        <v>1627</v>
      </c>
      <c r="G524" s="3" t="s">
        <v>16</v>
      </c>
      <c r="H524" s="3" t="s">
        <v>17</v>
      </c>
      <c r="I524" s="3" t="s">
        <v>13</v>
      </c>
      <c r="J524" s="3" t="s">
        <v>1003</v>
      </c>
      <c r="K524" s="4">
        <v>43385</v>
      </c>
    </row>
    <row r="525" spans="1:11" ht="75" x14ac:dyDescent="0.25">
      <c r="A525" s="6" t="s">
        <v>1664</v>
      </c>
      <c r="B525" s="8" t="s">
        <v>12</v>
      </c>
      <c r="C525" s="8">
        <v>1845</v>
      </c>
      <c r="D525" s="8">
        <v>1845</v>
      </c>
      <c r="E525" s="3" t="s">
        <v>13</v>
      </c>
      <c r="F525" s="6" t="s">
        <v>1665</v>
      </c>
      <c r="G525" s="3" t="s">
        <v>16</v>
      </c>
      <c r="H525" s="3" t="s">
        <v>17</v>
      </c>
      <c r="I525" s="3" t="s">
        <v>459</v>
      </c>
      <c r="J525" s="3" t="s">
        <v>1666</v>
      </c>
      <c r="K525" s="4">
        <v>43385</v>
      </c>
    </row>
    <row r="526" spans="1:11" ht="60" x14ac:dyDescent="0.25">
      <c r="A526" s="6" t="s">
        <v>1920</v>
      </c>
      <c r="B526" s="8" t="s">
        <v>12</v>
      </c>
      <c r="C526" s="8" t="s">
        <v>13</v>
      </c>
      <c r="D526" s="8" t="s">
        <v>1921</v>
      </c>
      <c r="E526" s="3" t="s">
        <v>13</v>
      </c>
      <c r="F526" s="6" t="s">
        <v>1922</v>
      </c>
      <c r="G526" s="3" t="s">
        <v>16</v>
      </c>
      <c r="H526" s="3" t="s">
        <v>17</v>
      </c>
      <c r="I526" s="3" t="s">
        <v>13</v>
      </c>
      <c r="J526" s="3" t="s">
        <v>1923</v>
      </c>
      <c r="K526" s="4">
        <v>43385</v>
      </c>
    </row>
    <row r="527" spans="1:11" ht="75" x14ac:dyDescent="0.25">
      <c r="A527" s="6" t="s">
        <v>1993</v>
      </c>
      <c r="B527" s="8" t="s">
        <v>12</v>
      </c>
      <c r="C527" s="8" t="s">
        <v>13</v>
      </c>
      <c r="D527" s="8">
        <v>1701</v>
      </c>
      <c r="E527" s="3" t="s">
        <v>1105</v>
      </c>
      <c r="F527" s="6" t="s">
        <v>1994</v>
      </c>
      <c r="G527" s="3" t="s">
        <v>16</v>
      </c>
      <c r="H527" s="3" t="s">
        <v>302</v>
      </c>
      <c r="I527" s="3" t="s">
        <v>226</v>
      </c>
      <c r="J527" s="3" t="s">
        <v>1995</v>
      </c>
      <c r="K527" s="4">
        <v>43385</v>
      </c>
    </row>
    <row r="528" spans="1:11" ht="30" x14ac:dyDescent="0.25">
      <c r="A528" s="6" t="s">
        <v>2014</v>
      </c>
      <c r="B528" s="8" t="s">
        <v>12</v>
      </c>
      <c r="C528" s="8" t="s">
        <v>2015</v>
      </c>
      <c r="D528" s="8">
        <v>1628</v>
      </c>
      <c r="E528" s="3" t="s">
        <v>2016</v>
      </c>
      <c r="F528" s="6" t="s">
        <v>2017</v>
      </c>
      <c r="G528" s="3" t="s">
        <v>16</v>
      </c>
      <c r="H528" s="3" t="s">
        <v>24</v>
      </c>
      <c r="I528" s="3" t="s">
        <v>57</v>
      </c>
      <c r="J528" s="3" t="s">
        <v>2018</v>
      </c>
      <c r="K528" s="4">
        <v>43385</v>
      </c>
    </row>
    <row r="529" spans="1:11" ht="30" x14ac:dyDescent="0.25">
      <c r="A529" s="6" t="s">
        <v>2128</v>
      </c>
      <c r="B529" s="8" t="s">
        <v>12</v>
      </c>
      <c r="C529" s="8" t="s">
        <v>13</v>
      </c>
      <c r="D529" s="8">
        <v>1853</v>
      </c>
      <c r="E529" s="3" t="s">
        <v>2129</v>
      </c>
      <c r="F529" s="6" t="s">
        <v>2130</v>
      </c>
      <c r="G529" s="3" t="s">
        <v>16</v>
      </c>
      <c r="H529" s="3" t="s">
        <v>17</v>
      </c>
      <c r="I529" s="3" t="s">
        <v>2131</v>
      </c>
      <c r="J529" s="3" t="s">
        <v>613</v>
      </c>
      <c r="K529" s="4">
        <v>43385</v>
      </c>
    </row>
    <row r="530" spans="1:11" ht="120" x14ac:dyDescent="0.25">
      <c r="A530" s="6" t="s">
        <v>2158</v>
      </c>
      <c r="B530" s="8" t="s">
        <v>12</v>
      </c>
      <c r="C530" s="8" t="s">
        <v>2159</v>
      </c>
      <c r="D530" s="8">
        <v>1544</v>
      </c>
      <c r="E530" s="3" t="s">
        <v>2160</v>
      </c>
      <c r="F530" s="6" t="s">
        <v>2161</v>
      </c>
      <c r="G530" s="3" t="s">
        <v>16</v>
      </c>
      <c r="H530" s="3" t="s">
        <v>24</v>
      </c>
      <c r="I530" s="3" t="s">
        <v>182</v>
      </c>
      <c r="J530" s="3" t="s">
        <v>2162</v>
      </c>
      <c r="K530" s="4">
        <v>43385</v>
      </c>
    </row>
    <row r="531" spans="1:11" ht="135" x14ac:dyDescent="0.25">
      <c r="A531" s="6" t="s">
        <v>2163</v>
      </c>
      <c r="B531" s="8" t="s">
        <v>12</v>
      </c>
      <c r="C531" s="8" t="s">
        <v>13</v>
      </c>
      <c r="D531" s="8">
        <v>1856</v>
      </c>
      <c r="E531" s="3" t="s">
        <v>13</v>
      </c>
      <c r="F531" s="6" t="s">
        <v>2164</v>
      </c>
      <c r="G531" s="3" t="s">
        <v>16</v>
      </c>
      <c r="H531" s="3" t="s">
        <v>17</v>
      </c>
      <c r="I531" s="3" t="s">
        <v>18</v>
      </c>
      <c r="J531" s="3" t="s">
        <v>2165</v>
      </c>
      <c r="K531" s="4">
        <v>43385</v>
      </c>
    </row>
    <row r="532" spans="1:11" ht="150" x14ac:dyDescent="0.25">
      <c r="A532" s="6" t="s">
        <v>2226</v>
      </c>
      <c r="B532" s="8" t="s">
        <v>12</v>
      </c>
      <c r="C532" s="8" t="s">
        <v>2227</v>
      </c>
      <c r="D532" s="8" t="s">
        <v>2227</v>
      </c>
      <c r="E532" s="3" t="s">
        <v>2228</v>
      </c>
      <c r="F532" s="6" t="s">
        <v>2229</v>
      </c>
      <c r="G532" s="3" t="s">
        <v>16</v>
      </c>
      <c r="H532" s="3" t="s">
        <v>17</v>
      </c>
      <c r="I532" s="3" t="s">
        <v>459</v>
      </c>
      <c r="J532" s="3" t="s">
        <v>2230</v>
      </c>
      <c r="K532" s="4">
        <v>43385</v>
      </c>
    </row>
    <row r="533" spans="1:11" x14ac:dyDescent="0.25">
      <c r="A533" s="6" t="s">
        <v>2258</v>
      </c>
      <c r="B533" s="8" t="s">
        <v>12</v>
      </c>
      <c r="C533" s="8" t="s">
        <v>13</v>
      </c>
      <c r="D533" s="8">
        <v>1821</v>
      </c>
      <c r="E533" s="3" t="s">
        <v>2259</v>
      </c>
      <c r="F533" s="6" t="s">
        <v>2260</v>
      </c>
      <c r="G533" s="3" t="s">
        <v>16</v>
      </c>
      <c r="H533" s="3" t="s">
        <v>17</v>
      </c>
      <c r="I533" s="3" t="s">
        <v>250</v>
      </c>
      <c r="J533" s="3" t="s">
        <v>2261</v>
      </c>
      <c r="K533" s="4">
        <v>43385</v>
      </c>
    </row>
    <row r="534" spans="1:11" ht="45" x14ac:dyDescent="0.25">
      <c r="A534" s="6" t="s">
        <v>2308</v>
      </c>
      <c r="B534" s="8" t="s">
        <v>12</v>
      </c>
      <c r="C534" s="8">
        <v>1814</v>
      </c>
      <c r="D534" s="8">
        <v>1814</v>
      </c>
      <c r="E534" s="3" t="s">
        <v>13</v>
      </c>
      <c r="F534" s="6" t="s">
        <v>2309</v>
      </c>
      <c r="G534" s="3" t="s">
        <v>16</v>
      </c>
      <c r="H534" s="3" t="s">
        <v>24</v>
      </c>
      <c r="I534" s="3" t="s">
        <v>250</v>
      </c>
      <c r="J534" s="3" t="s">
        <v>2310</v>
      </c>
      <c r="K534" s="4">
        <v>43385</v>
      </c>
    </row>
    <row r="535" spans="1:11" x14ac:dyDescent="0.25">
      <c r="A535" s="6" t="s">
        <v>2323</v>
      </c>
      <c r="B535" s="8" t="s">
        <v>12</v>
      </c>
      <c r="C535" s="8" t="s">
        <v>1950</v>
      </c>
      <c r="D535" s="8">
        <v>1768</v>
      </c>
      <c r="E535" s="3" t="s">
        <v>2324</v>
      </c>
      <c r="F535" s="6" t="s">
        <v>2325</v>
      </c>
      <c r="G535" s="3" t="s">
        <v>16</v>
      </c>
      <c r="H535" s="3" t="s">
        <v>24</v>
      </c>
      <c r="I535" s="3" t="s">
        <v>250</v>
      </c>
      <c r="J535" s="3" t="s">
        <v>2326</v>
      </c>
      <c r="K535" s="4">
        <v>43385</v>
      </c>
    </row>
    <row r="536" spans="1:11" ht="45" x14ac:dyDescent="0.25">
      <c r="A536" s="6" t="s">
        <v>2385</v>
      </c>
      <c r="B536" s="8" t="s">
        <v>12</v>
      </c>
      <c r="C536" s="8">
        <v>1743</v>
      </c>
      <c r="D536" s="8">
        <v>1743</v>
      </c>
      <c r="E536" s="3" t="s">
        <v>2386</v>
      </c>
      <c r="F536" s="6" t="s">
        <v>2387</v>
      </c>
      <c r="G536" s="3" t="s">
        <v>16</v>
      </c>
      <c r="H536" s="3" t="s">
        <v>17</v>
      </c>
      <c r="I536" s="3" t="s">
        <v>18</v>
      </c>
      <c r="J536" s="3" t="s">
        <v>2388</v>
      </c>
      <c r="K536" s="4">
        <v>43385</v>
      </c>
    </row>
    <row r="537" spans="1:11" ht="120" x14ac:dyDescent="0.25">
      <c r="A537" s="6" t="s">
        <v>2484</v>
      </c>
      <c r="B537" s="8" t="s">
        <v>12</v>
      </c>
      <c r="C537" s="8">
        <v>1845</v>
      </c>
      <c r="D537" s="8">
        <v>1845</v>
      </c>
      <c r="E537" s="3" t="s">
        <v>13</v>
      </c>
      <c r="F537" s="6" t="s">
        <v>2485</v>
      </c>
      <c r="G537" s="3" t="s">
        <v>16</v>
      </c>
      <c r="H537" s="3" t="s">
        <v>17</v>
      </c>
      <c r="I537" s="3" t="s">
        <v>85</v>
      </c>
      <c r="J537" s="3" t="s">
        <v>13</v>
      </c>
      <c r="K537" s="4">
        <v>43385</v>
      </c>
    </row>
    <row r="538" spans="1:11" ht="135" x14ac:dyDescent="0.25">
      <c r="A538" s="6" t="s">
        <v>2493</v>
      </c>
      <c r="B538" s="8" t="s">
        <v>12</v>
      </c>
      <c r="C538" s="8" t="s">
        <v>615</v>
      </c>
      <c r="D538" s="8">
        <v>1557</v>
      </c>
      <c r="E538" s="3" t="s">
        <v>2494</v>
      </c>
      <c r="F538" s="6" t="s">
        <v>2495</v>
      </c>
      <c r="G538" s="3" t="s">
        <v>16</v>
      </c>
      <c r="H538" s="3" t="s">
        <v>24</v>
      </c>
      <c r="I538" s="3" t="s">
        <v>182</v>
      </c>
      <c r="J538" s="3" t="s">
        <v>2496</v>
      </c>
      <c r="K538" s="4">
        <v>43385</v>
      </c>
    </row>
    <row r="539" spans="1:11" x14ac:dyDescent="0.25">
      <c r="A539" s="6" t="s">
        <v>2545</v>
      </c>
      <c r="B539" s="8" t="s">
        <v>12</v>
      </c>
      <c r="C539" s="8">
        <v>1840</v>
      </c>
      <c r="D539" s="8">
        <v>1840</v>
      </c>
      <c r="E539" s="3" t="s">
        <v>13</v>
      </c>
      <c r="F539" s="6" t="s">
        <v>2546</v>
      </c>
      <c r="G539" s="3" t="s">
        <v>16</v>
      </c>
      <c r="H539" s="3" t="s">
        <v>170</v>
      </c>
      <c r="I539" s="3" t="s">
        <v>171</v>
      </c>
      <c r="J539" s="3" t="s">
        <v>2547</v>
      </c>
      <c r="K539" s="4">
        <v>43385</v>
      </c>
    </row>
    <row r="540" spans="1:11" ht="60" x14ac:dyDescent="0.25">
      <c r="A540" s="6" t="s">
        <v>2571</v>
      </c>
      <c r="B540" s="8" t="s">
        <v>12</v>
      </c>
      <c r="C540" s="8">
        <v>1856</v>
      </c>
      <c r="D540" s="8">
        <v>1856</v>
      </c>
      <c r="E540" s="3" t="s">
        <v>2572</v>
      </c>
      <c r="F540" s="6" t="s">
        <v>2573</v>
      </c>
      <c r="G540" s="3" t="s">
        <v>16</v>
      </c>
      <c r="H540" s="3" t="s">
        <v>17</v>
      </c>
      <c r="I540" s="3" t="s">
        <v>250</v>
      </c>
      <c r="J540" s="3" t="s">
        <v>410</v>
      </c>
      <c r="K540" s="4">
        <v>43385</v>
      </c>
    </row>
    <row r="541" spans="1:11" ht="30" x14ac:dyDescent="0.25">
      <c r="A541" s="6" t="s">
        <v>2583</v>
      </c>
      <c r="B541" s="8" t="s">
        <v>12</v>
      </c>
      <c r="C541" s="8" t="s">
        <v>13</v>
      </c>
      <c r="D541" s="8">
        <v>1845</v>
      </c>
      <c r="E541" s="3" t="s">
        <v>2584</v>
      </c>
      <c r="F541" s="6" t="s">
        <v>2585</v>
      </c>
      <c r="G541" s="3" t="s">
        <v>16</v>
      </c>
      <c r="H541" s="3" t="s">
        <v>17</v>
      </c>
      <c r="I541" s="3" t="s">
        <v>250</v>
      </c>
      <c r="J541" s="3" t="s">
        <v>2586</v>
      </c>
      <c r="K541" s="4">
        <v>43385</v>
      </c>
    </row>
    <row r="542" spans="1:11" ht="120" x14ac:dyDescent="0.25">
      <c r="A542" s="6" t="s">
        <v>2611</v>
      </c>
      <c r="B542" s="8" t="s">
        <v>12</v>
      </c>
      <c r="C542" s="8" t="s">
        <v>360</v>
      </c>
      <c r="D542" s="8">
        <v>1576</v>
      </c>
      <c r="E542" s="3" t="s">
        <v>392</v>
      </c>
      <c r="F542" s="6" t="s">
        <v>2612</v>
      </c>
      <c r="G542" s="3" t="s">
        <v>16</v>
      </c>
      <c r="H542" s="3" t="s">
        <v>24</v>
      </c>
      <c r="I542" s="3" t="s">
        <v>394</v>
      </c>
      <c r="J542" s="3" t="s">
        <v>2613</v>
      </c>
      <c r="K542" s="4">
        <v>43385</v>
      </c>
    </row>
    <row r="543" spans="1:11" x14ac:dyDescent="0.25">
      <c r="A543" s="6" t="s">
        <v>2626</v>
      </c>
      <c r="B543" s="8" t="s">
        <v>12</v>
      </c>
      <c r="C543" s="8" t="s">
        <v>135</v>
      </c>
      <c r="D543" s="8">
        <v>1730</v>
      </c>
      <c r="E543" s="3" t="s">
        <v>2627</v>
      </c>
      <c r="F543" s="6" t="s">
        <v>2628</v>
      </c>
      <c r="G543" s="3" t="s">
        <v>16</v>
      </c>
      <c r="H543" s="3" t="s">
        <v>17</v>
      </c>
      <c r="I543" s="3" t="s">
        <v>18</v>
      </c>
      <c r="J543" s="3" t="s">
        <v>2629</v>
      </c>
      <c r="K543" s="4">
        <v>43385</v>
      </c>
    </row>
    <row r="544" spans="1:11" ht="120" x14ac:dyDescent="0.25">
      <c r="A544" s="6" t="s">
        <v>2720</v>
      </c>
      <c r="B544" s="8" t="s">
        <v>12</v>
      </c>
      <c r="C544" s="8" t="s">
        <v>2721</v>
      </c>
      <c r="D544" s="8">
        <v>1542</v>
      </c>
      <c r="E544" s="3" t="s">
        <v>2722</v>
      </c>
      <c r="F544" s="6" t="s">
        <v>2723</v>
      </c>
      <c r="G544" s="3" t="s">
        <v>16</v>
      </c>
      <c r="H544" s="3" t="s">
        <v>24</v>
      </c>
      <c r="I544" s="3" t="s">
        <v>264</v>
      </c>
      <c r="J544" s="3" t="s">
        <v>2724</v>
      </c>
      <c r="K544" s="4">
        <v>43385</v>
      </c>
    </row>
    <row r="545" spans="1:11" ht="45" x14ac:dyDescent="0.25">
      <c r="A545" s="6" t="s">
        <v>2752</v>
      </c>
      <c r="B545" s="8" t="s">
        <v>12</v>
      </c>
      <c r="C545" s="8">
        <v>1849</v>
      </c>
      <c r="D545" s="8">
        <v>1849</v>
      </c>
      <c r="E545" s="3" t="s">
        <v>13</v>
      </c>
      <c r="F545" s="6" t="s">
        <v>2753</v>
      </c>
      <c r="G545" s="3" t="s">
        <v>16</v>
      </c>
      <c r="H545" s="3" t="s">
        <v>17</v>
      </c>
      <c r="I545" s="3" t="s">
        <v>459</v>
      </c>
      <c r="J545" s="3" t="s">
        <v>2754</v>
      </c>
      <c r="K545" s="4">
        <v>43385</v>
      </c>
    </row>
    <row r="546" spans="1:11" ht="30" x14ac:dyDescent="0.25">
      <c r="A546" s="6" t="s">
        <v>2769</v>
      </c>
      <c r="B546" s="8" t="s">
        <v>12</v>
      </c>
      <c r="C546" s="8">
        <v>1590</v>
      </c>
      <c r="D546" s="8">
        <v>1590</v>
      </c>
      <c r="E546" s="3" t="s">
        <v>2770</v>
      </c>
      <c r="F546" s="6" t="s">
        <v>2771</v>
      </c>
      <c r="G546" s="3" t="s">
        <v>16</v>
      </c>
      <c r="H546" s="3" t="s">
        <v>17</v>
      </c>
      <c r="I546" s="3" t="s">
        <v>18</v>
      </c>
      <c r="J546" s="3" t="s">
        <v>19</v>
      </c>
      <c r="K546" s="4">
        <v>43385</v>
      </c>
    </row>
    <row r="547" spans="1:11" ht="30" x14ac:dyDescent="0.25">
      <c r="A547" s="6" t="s">
        <v>2801</v>
      </c>
      <c r="B547" s="8" t="s">
        <v>12</v>
      </c>
      <c r="C547" s="8">
        <v>1684</v>
      </c>
      <c r="D547" s="8">
        <v>1684</v>
      </c>
      <c r="E547" s="3" t="s">
        <v>156</v>
      </c>
      <c r="F547" s="6" t="s">
        <v>2802</v>
      </c>
      <c r="G547" s="3" t="s">
        <v>16</v>
      </c>
      <c r="H547" s="3" t="s">
        <v>17</v>
      </c>
      <c r="I547" s="3" t="s">
        <v>18</v>
      </c>
      <c r="J547" s="3" t="s">
        <v>13</v>
      </c>
      <c r="K547" s="4">
        <v>43385</v>
      </c>
    </row>
    <row r="548" spans="1:11" ht="120" x14ac:dyDescent="0.25">
      <c r="A548" s="6" t="s">
        <v>2831</v>
      </c>
      <c r="B548" s="8" t="s">
        <v>12</v>
      </c>
      <c r="C548" s="8" t="s">
        <v>13</v>
      </c>
      <c r="D548" s="8">
        <v>1841</v>
      </c>
      <c r="E548" s="3" t="s">
        <v>2832</v>
      </c>
      <c r="F548" s="6" t="s">
        <v>2833</v>
      </c>
      <c r="G548" s="3" t="s">
        <v>16</v>
      </c>
      <c r="H548" s="3" t="s">
        <v>170</v>
      </c>
      <c r="I548" s="3" t="s">
        <v>171</v>
      </c>
      <c r="J548" s="3" t="s">
        <v>2834</v>
      </c>
      <c r="K548" s="4">
        <v>43385</v>
      </c>
    </row>
    <row r="549" spans="1:11" ht="45" x14ac:dyDescent="0.25">
      <c r="A549" s="6" t="s">
        <v>2850</v>
      </c>
      <c r="B549" s="8" t="s">
        <v>12</v>
      </c>
      <c r="C549" s="8" t="s">
        <v>1101</v>
      </c>
      <c r="D549" s="8">
        <v>1762</v>
      </c>
      <c r="E549" s="3" t="s">
        <v>248</v>
      </c>
      <c r="F549" s="6" t="s">
        <v>2851</v>
      </c>
      <c r="G549" s="3" t="s">
        <v>16</v>
      </c>
      <c r="H549" s="3" t="s">
        <v>24</v>
      </c>
      <c r="I549" s="3" t="s">
        <v>250</v>
      </c>
      <c r="J549" s="3" t="s">
        <v>2852</v>
      </c>
      <c r="K549" s="4">
        <v>43385</v>
      </c>
    </row>
    <row r="550" spans="1:11" ht="45" x14ac:dyDescent="0.25">
      <c r="A550" s="6" t="s">
        <v>2865</v>
      </c>
      <c r="B550" s="8" t="s">
        <v>12</v>
      </c>
      <c r="C550" s="8">
        <v>1616</v>
      </c>
      <c r="D550" s="8">
        <v>1616</v>
      </c>
      <c r="E550" s="3" t="s">
        <v>2866</v>
      </c>
      <c r="F550" s="6" t="s">
        <v>2867</v>
      </c>
      <c r="G550" s="3" t="s">
        <v>16</v>
      </c>
      <c r="H550" s="3" t="s">
        <v>30</v>
      </c>
      <c r="I550" s="3" t="s">
        <v>2868</v>
      </c>
      <c r="J550" s="3" t="s">
        <v>2869</v>
      </c>
      <c r="K550" s="4">
        <v>43385</v>
      </c>
    </row>
    <row r="551" spans="1:11" ht="45" x14ac:dyDescent="0.25">
      <c r="A551" s="6" t="s">
        <v>3030</v>
      </c>
      <c r="B551" s="8" t="s">
        <v>12</v>
      </c>
      <c r="C551" s="8" t="s">
        <v>3031</v>
      </c>
      <c r="D551" s="8" t="s">
        <v>3032</v>
      </c>
      <c r="E551" s="3" t="s">
        <v>13</v>
      </c>
      <c r="F551" s="6" t="s">
        <v>3033</v>
      </c>
      <c r="G551" s="3" t="s">
        <v>16</v>
      </c>
      <c r="H551" s="3" t="s">
        <v>170</v>
      </c>
      <c r="I551" s="3" t="s">
        <v>171</v>
      </c>
      <c r="J551" s="3" t="s">
        <v>3034</v>
      </c>
      <c r="K551" s="4">
        <v>43385</v>
      </c>
    </row>
    <row r="552" spans="1:11" ht="300" x14ac:dyDescent="0.25">
      <c r="A552" s="6" t="s">
        <v>3228</v>
      </c>
      <c r="B552" s="8" t="s">
        <v>12</v>
      </c>
      <c r="C552" s="8" t="s">
        <v>13</v>
      </c>
      <c r="D552" s="8">
        <v>1559</v>
      </c>
      <c r="E552" s="3" t="s">
        <v>819</v>
      </c>
      <c r="F552" s="6" t="s">
        <v>3229</v>
      </c>
      <c r="G552" s="3" t="s">
        <v>16</v>
      </c>
      <c r="H552" s="3" t="s">
        <v>538</v>
      </c>
      <c r="I552" s="3" t="s">
        <v>182</v>
      </c>
      <c r="J552" s="3" t="s">
        <v>3230</v>
      </c>
      <c r="K552" s="4">
        <v>43385</v>
      </c>
    </row>
    <row r="553" spans="1:11" ht="180" x14ac:dyDescent="0.25">
      <c r="A553" s="6" t="s">
        <v>3235</v>
      </c>
      <c r="B553" s="8" t="s">
        <v>12</v>
      </c>
      <c r="C553" s="8" t="s">
        <v>2761</v>
      </c>
      <c r="D553" s="8">
        <v>1572</v>
      </c>
      <c r="E553" s="3" t="s">
        <v>3236</v>
      </c>
      <c r="F553" s="6" t="s">
        <v>3237</v>
      </c>
      <c r="G553" s="3" t="s">
        <v>16</v>
      </c>
      <c r="H553" s="3" t="s">
        <v>24</v>
      </c>
      <c r="I553" s="3" t="s">
        <v>57</v>
      </c>
      <c r="J553" s="3" t="s">
        <v>3238</v>
      </c>
      <c r="K553" s="4">
        <v>43385</v>
      </c>
    </row>
    <row r="554" spans="1:11" ht="30" x14ac:dyDescent="0.25">
      <c r="A554" s="6" t="s">
        <v>3477</v>
      </c>
      <c r="B554" s="8" t="s">
        <v>12</v>
      </c>
      <c r="C554" s="8">
        <v>1700</v>
      </c>
      <c r="D554" s="8">
        <v>1700</v>
      </c>
      <c r="E554" s="3" t="s">
        <v>3478</v>
      </c>
      <c r="F554" s="6" t="s">
        <v>3479</v>
      </c>
      <c r="G554" s="3" t="s">
        <v>16</v>
      </c>
      <c r="H554" s="3" t="s">
        <v>17</v>
      </c>
      <c r="I554" s="3" t="s">
        <v>18</v>
      </c>
      <c r="J554" s="3" t="s">
        <v>414</v>
      </c>
      <c r="K554" s="4">
        <v>43385</v>
      </c>
    </row>
    <row r="555" spans="1:11" ht="180" x14ac:dyDescent="0.25">
      <c r="A555" s="6" t="s">
        <v>3585</v>
      </c>
      <c r="B555" s="8" t="s">
        <v>12</v>
      </c>
      <c r="C555" s="8" t="s">
        <v>13</v>
      </c>
      <c r="D555" s="8">
        <v>1518</v>
      </c>
      <c r="E555" s="3" t="s">
        <v>3586</v>
      </c>
      <c r="F555" s="6" t="s">
        <v>3587</v>
      </c>
      <c r="G555" s="3" t="s">
        <v>16</v>
      </c>
      <c r="H555" s="3" t="s">
        <v>30</v>
      </c>
      <c r="I555" s="3" t="s">
        <v>264</v>
      </c>
      <c r="J555" s="3" t="s">
        <v>1533</v>
      </c>
      <c r="K555" s="4">
        <v>43385</v>
      </c>
    </row>
    <row r="556" spans="1:11" x14ac:dyDescent="0.25">
      <c r="A556" s="6" t="s">
        <v>3653</v>
      </c>
      <c r="B556" s="8" t="s">
        <v>12</v>
      </c>
      <c r="C556" s="8" t="s">
        <v>3654</v>
      </c>
      <c r="D556" s="8" t="s">
        <v>3655</v>
      </c>
      <c r="E556" s="3" t="s">
        <v>13</v>
      </c>
      <c r="F556" s="6" t="s">
        <v>3656</v>
      </c>
      <c r="G556" s="3" t="s">
        <v>16</v>
      </c>
      <c r="H556" s="3" t="s">
        <v>170</v>
      </c>
      <c r="I556" s="3" t="s">
        <v>171</v>
      </c>
      <c r="J556" s="3" t="s">
        <v>3657</v>
      </c>
      <c r="K556" s="4">
        <v>43385</v>
      </c>
    </row>
    <row r="557" spans="1:11" ht="165" x14ac:dyDescent="0.25">
      <c r="A557" s="6" t="s">
        <v>3738</v>
      </c>
      <c r="B557" s="8" t="s">
        <v>12</v>
      </c>
      <c r="C557" s="8">
        <v>-1804</v>
      </c>
      <c r="D557" s="8">
        <v>1804</v>
      </c>
      <c r="E557" s="3" t="s">
        <v>13</v>
      </c>
      <c r="F557" s="6" t="s">
        <v>3739</v>
      </c>
      <c r="G557" s="3" t="s">
        <v>16</v>
      </c>
      <c r="H557" s="3" t="s">
        <v>170</v>
      </c>
      <c r="I557" s="3" t="s">
        <v>171</v>
      </c>
      <c r="J557" s="3" t="s">
        <v>3740</v>
      </c>
      <c r="K557" s="4">
        <v>43385</v>
      </c>
    </row>
    <row r="558" spans="1:11" ht="315" x14ac:dyDescent="0.25">
      <c r="A558" s="6" t="s">
        <v>3752</v>
      </c>
      <c r="B558" s="8" t="s">
        <v>12</v>
      </c>
      <c r="C558" s="8" t="s">
        <v>256</v>
      </c>
      <c r="D558" s="8">
        <v>1569</v>
      </c>
      <c r="E558" s="3" t="s">
        <v>257</v>
      </c>
      <c r="F558" s="6" t="s">
        <v>3753</v>
      </c>
      <c r="G558" s="3" t="s">
        <v>16</v>
      </c>
      <c r="H558" s="3" t="s">
        <v>24</v>
      </c>
      <c r="I558" s="3" t="s">
        <v>52</v>
      </c>
      <c r="J558" s="3" t="s">
        <v>3754</v>
      </c>
      <c r="K558" s="4">
        <v>43385</v>
      </c>
    </row>
    <row r="559" spans="1:11" ht="75" x14ac:dyDescent="0.25">
      <c r="A559" s="6" t="s">
        <v>3789</v>
      </c>
      <c r="B559" s="8" t="s">
        <v>12</v>
      </c>
      <c r="C559" s="8">
        <v>1851</v>
      </c>
      <c r="D559" s="8">
        <v>1851</v>
      </c>
      <c r="E559" s="3" t="s">
        <v>3790</v>
      </c>
      <c r="F559" s="6" t="s">
        <v>3791</v>
      </c>
      <c r="G559" s="3" t="s">
        <v>16</v>
      </c>
      <c r="H559" s="3" t="s">
        <v>170</v>
      </c>
      <c r="I559" s="3" t="s">
        <v>171</v>
      </c>
      <c r="J559" s="3" t="s">
        <v>3792</v>
      </c>
      <c r="K559" s="4">
        <v>43385</v>
      </c>
    </row>
    <row r="560" spans="1:11" ht="30" x14ac:dyDescent="0.25">
      <c r="A560" s="6" t="s">
        <v>3805</v>
      </c>
      <c r="B560" s="8" t="s">
        <v>12</v>
      </c>
      <c r="C560" s="8">
        <v>1809</v>
      </c>
      <c r="D560" s="8">
        <v>1809</v>
      </c>
      <c r="E560" s="3" t="s">
        <v>13</v>
      </c>
      <c r="F560" s="6" t="s">
        <v>3806</v>
      </c>
      <c r="G560" s="3" t="s">
        <v>16</v>
      </c>
      <c r="H560" s="3" t="s">
        <v>24</v>
      </c>
      <c r="I560" s="3" t="s">
        <v>250</v>
      </c>
      <c r="J560" s="3" t="s">
        <v>3807</v>
      </c>
      <c r="K560" s="4">
        <v>43385</v>
      </c>
    </row>
    <row r="561" spans="1:11" ht="75" x14ac:dyDescent="0.25">
      <c r="A561" s="6" t="s">
        <v>4025</v>
      </c>
      <c r="B561" s="8" t="s">
        <v>12</v>
      </c>
      <c r="C561" s="8">
        <v>1908</v>
      </c>
      <c r="D561" s="8">
        <v>1908</v>
      </c>
      <c r="E561" s="3" t="s">
        <v>324</v>
      </c>
      <c r="F561" s="6" t="s">
        <v>325</v>
      </c>
      <c r="G561" s="3" t="s">
        <v>16</v>
      </c>
      <c r="H561" s="3" t="s">
        <v>17</v>
      </c>
      <c r="I561" s="3" t="s">
        <v>18</v>
      </c>
      <c r="J561" s="3" t="s">
        <v>326</v>
      </c>
      <c r="K561" s="4">
        <v>43385</v>
      </c>
    </row>
    <row r="562" spans="1:11" ht="105" x14ac:dyDescent="0.25">
      <c r="A562" s="6" t="s">
        <v>4047</v>
      </c>
      <c r="B562" s="8" t="s">
        <v>12</v>
      </c>
      <c r="C562" s="8">
        <v>1836</v>
      </c>
      <c r="D562" s="8">
        <v>1836</v>
      </c>
      <c r="E562" s="3" t="s">
        <v>4048</v>
      </c>
      <c r="F562" s="6" t="s">
        <v>4049</v>
      </c>
      <c r="G562" s="3" t="s">
        <v>16</v>
      </c>
      <c r="H562" s="3" t="s">
        <v>244</v>
      </c>
      <c r="I562" s="3" t="s">
        <v>4050</v>
      </c>
      <c r="J562" s="3" t="s">
        <v>4051</v>
      </c>
      <c r="K562" s="4">
        <v>43385</v>
      </c>
    </row>
    <row r="563" spans="1:11" x14ac:dyDescent="0.25">
      <c r="A563" s="6" t="s">
        <v>4056</v>
      </c>
      <c r="B563" s="8" t="s">
        <v>12</v>
      </c>
      <c r="C563" s="8">
        <v>1683</v>
      </c>
      <c r="D563" s="8">
        <v>1683</v>
      </c>
      <c r="E563" s="3" t="s">
        <v>4057</v>
      </c>
      <c r="F563" s="6" t="s">
        <v>4058</v>
      </c>
      <c r="G563" s="3" t="s">
        <v>16</v>
      </c>
      <c r="H563" s="3" t="s">
        <v>17</v>
      </c>
      <c r="I563" s="3" t="s">
        <v>18</v>
      </c>
      <c r="J563" s="3" t="s">
        <v>4059</v>
      </c>
      <c r="K563" s="4">
        <v>43385</v>
      </c>
    </row>
    <row r="564" spans="1:11" ht="30" x14ac:dyDescent="0.25">
      <c r="A564" s="6" t="s">
        <v>4075</v>
      </c>
      <c r="B564" s="8" t="s">
        <v>12</v>
      </c>
      <c r="C564" s="8">
        <v>1557</v>
      </c>
      <c r="D564" s="8">
        <v>1557</v>
      </c>
      <c r="E564" s="3" t="s">
        <v>4076</v>
      </c>
      <c r="F564" s="6" t="s">
        <v>4077</v>
      </c>
      <c r="G564" s="3" t="s">
        <v>16</v>
      </c>
      <c r="H564" s="3" t="s">
        <v>30</v>
      </c>
      <c r="I564" s="3" t="s">
        <v>57</v>
      </c>
      <c r="J564" s="3" t="s">
        <v>4078</v>
      </c>
      <c r="K564" s="4">
        <v>43385</v>
      </c>
    </row>
    <row r="565" spans="1:11" ht="105" x14ac:dyDescent="0.25">
      <c r="A565" s="6" t="s">
        <v>4120</v>
      </c>
      <c r="B565" s="8" t="s">
        <v>12</v>
      </c>
      <c r="C565" s="8" t="s">
        <v>4121</v>
      </c>
      <c r="D565" s="8">
        <v>1561</v>
      </c>
      <c r="E565" s="3" t="s">
        <v>4122</v>
      </c>
      <c r="F565" s="6" t="s">
        <v>4123</v>
      </c>
      <c r="G565" s="3" t="s">
        <v>16</v>
      </c>
      <c r="H565" s="3" t="s">
        <v>24</v>
      </c>
      <c r="I565" s="3" t="s">
        <v>182</v>
      </c>
      <c r="J565" s="3" t="s">
        <v>4124</v>
      </c>
      <c r="K565" s="4">
        <v>43385</v>
      </c>
    </row>
    <row r="566" spans="1:11" x14ac:dyDescent="0.25">
      <c r="A566" s="6" t="s">
        <v>4125</v>
      </c>
      <c r="B566" s="8" t="s">
        <v>12</v>
      </c>
      <c r="C566" s="8" t="s">
        <v>4126</v>
      </c>
      <c r="D566" s="8">
        <v>1583</v>
      </c>
      <c r="E566" s="3" t="s">
        <v>4127</v>
      </c>
      <c r="F566" s="6" t="s">
        <v>4128</v>
      </c>
      <c r="G566" s="3" t="s">
        <v>16</v>
      </c>
      <c r="H566" s="3" t="s">
        <v>30</v>
      </c>
      <c r="I566" s="3" t="s">
        <v>858</v>
      </c>
      <c r="J566" s="3" t="s">
        <v>4129</v>
      </c>
      <c r="K566" s="4">
        <v>43385</v>
      </c>
    </row>
    <row r="567" spans="1:11" x14ac:dyDescent="0.25">
      <c r="A567" s="6" t="s">
        <v>4150</v>
      </c>
      <c r="B567" s="8" t="s">
        <v>12</v>
      </c>
      <c r="C567" s="8" t="s">
        <v>4151</v>
      </c>
      <c r="D567" s="8">
        <v>1606</v>
      </c>
      <c r="E567" s="3" t="s">
        <v>4152</v>
      </c>
      <c r="F567" s="6" t="s">
        <v>4153</v>
      </c>
      <c r="G567" s="3" t="s">
        <v>16</v>
      </c>
      <c r="H567" s="3" t="s">
        <v>24</v>
      </c>
      <c r="I567" s="3" t="s">
        <v>2868</v>
      </c>
      <c r="J567" s="3" t="s">
        <v>13</v>
      </c>
      <c r="K567" s="4">
        <v>43385</v>
      </c>
    </row>
    <row r="568" spans="1:11" x14ac:dyDescent="0.25">
      <c r="A568" s="6" t="s">
        <v>4169</v>
      </c>
      <c r="B568" s="8" t="s">
        <v>12</v>
      </c>
      <c r="C568" s="8" t="s">
        <v>13</v>
      </c>
      <c r="D568" s="8">
        <v>1697</v>
      </c>
      <c r="E568" s="3" t="s">
        <v>4170</v>
      </c>
      <c r="F568" s="6" t="s">
        <v>4171</v>
      </c>
      <c r="G568" s="3" t="s">
        <v>16</v>
      </c>
      <c r="H568" s="3" t="s">
        <v>24</v>
      </c>
      <c r="I568" s="3" t="s">
        <v>57</v>
      </c>
      <c r="J568" s="3" t="s">
        <v>4172</v>
      </c>
      <c r="K568" s="4">
        <v>43385</v>
      </c>
    </row>
    <row r="569" spans="1:11" ht="60" x14ac:dyDescent="0.25">
      <c r="A569" s="6" t="s">
        <v>4228</v>
      </c>
      <c r="B569" s="8" t="s">
        <v>12</v>
      </c>
      <c r="C569" s="8" t="s">
        <v>13</v>
      </c>
      <c r="D569" s="8">
        <v>1846</v>
      </c>
      <c r="E569" s="3" t="s">
        <v>13</v>
      </c>
      <c r="F569" s="6" t="s">
        <v>4229</v>
      </c>
      <c r="G569" s="3" t="s">
        <v>16</v>
      </c>
      <c r="H569" s="3" t="s">
        <v>17</v>
      </c>
      <c r="I569" s="3" t="s">
        <v>13</v>
      </c>
      <c r="J569" s="3" t="s">
        <v>4230</v>
      </c>
      <c r="K569" s="4">
        <v>43385</v>
      </c>
    </row>
    <row r="570" spans="1:11" ht="30" x14ac:dyDescent="0.25">
      <c r="A570" s="6" t="s">
        <v>4233</v>
      </c>
      <c r="B570" s="8" t="s">
        <v>12</v>
      </c>
      <c r="C570" s="8" t="s">
        <v>13</v>
      </c>
      <c r="D570" s="8">
        <v>1914</v>
      </c>
      <c r="E570" s="3" t="s">
        <v>4234</v>
      </c>
      <c r="F570" s="6" t="s">
        <v>4235</v>
      </c>
      <c r="G570" s="3" t="s">
        <v>16</v>
      </c>
      <c r="H570" s="3" t="s">
        <v>17</v>
      </c>
      <c r="I570" s="3" t="s">
        <v>4236</v>
      </c>
      <c r="J570" s="3" t="s">
        <v>986</v>
      </c>
      <c r="K570" s="4">
        <v>43385</v>
      </c>
    </row>
    <row r="571" spans="1:11" ht="60" x14ac:dyDescent="0.25">
      <c r="A571" s="6" t="s">
        <v>4287</v>
      </c>
      <c r="B571" s="8" t="s">
        <v>12</v>
      </c>
      <c r="C571" s="8">
        <v>1836</v>
      </c>
      <c r="D571" s="8">
        <v>1836</v>
      </c>
      <c r="E571" s="3" t="s">
        <v>4288</v>
      </c>
      <c r="F571" s="6" t="s">
        <v>4289</v>
      </c>
      <c r="G571" s="3" t="s">
        <v>16</v>
      </c>
      <c r="H571" s="3" t="s">
        <v>170</v>
      </c>
      <c r="I571" s="3" t="s">
        <v>171</v>
      </c>
      <c r="J571" s="3" t="s">
        <v>4290</v>
      </c>
      <c r="K571" s="4">
        <v>43385</v>
      </c>
    </row>
    <row r="572" spans="1:11" x14ac:dyDescent="0.25">
      <c r="A572" s="6" t="s">
        <v>4340</v>
      </c>
      <c r="B572" s="8" t="s">
        <v>12</v>
      </c>
      <c r="C572" s="8" t="s">
        <v>855</v>
      </c>
      <c r="D572" s="8">
        <v>1558</v>
      </c>
      <c r="E572" s="3" t="s">
        <v>4341</v>
      </c>
      <c r="F572" s="6" t="s">
        <v>4342</v>
      </c>
      <c r="G572" s="3" t="s">
        <v>16</v>
      </c>
      <c r="H572" s="3" t="s">
        <v>24</v>
      </c>
      <c r="I572" s="3" t="s">
        <v>858</v>
      </c>
      <c r="J572" s="3" t="s">
        <v>4343</v>
      </c>
      <c r="K572" s="4">
        <v>43385</v>
      </c>
    </row>
    <row r="573" spans="1:11" ht="30" x14ac:dyDescent="0.25">
      <c r="A573" s="6" t="s">
        <v>4360</v>
      </c>
      <c r="B573" s="8" t="s">
        <v>12</v>
      </c>
      <c r="C573" s="8">
        <v>1822</v>
      </c>
      <c r="D573" s="8">
        <v>1822</v>
      </c>
      <c r="E573" s="3" t="s">
        <v>1253</v>
      </c>
      <c r="F573" s="6" t="s">
        <v>4361</v>
      </c>
      <c r="G573" s="3" t="s">
        <v>16</v>
      </c>
      <c r="H573" s="3" t="s">
        <v>17</v>
      </c>
      <c r="I573" s="3" t="s">
        <v>18</v>
      </c>
      <c r="J573" s="3" t="s">
        <v>1695</v>
      </c>
      <c r="K573" s="4">
        <v>43385</v>
      </c>
    </row>
    <row r="574" spans="1:11" ht="45" x14ac:dyDescent="0.25">
      <c r="A574" s="6" t="s">
        <v>4362</v>
      </c>
      <c r="B574" s="8" t="s">
        <v>12</v>
      </c>
      <c r="C574" s="8">
        <v>1846</v>
      </c>
      <c r="D574" s="8">
        <v>1846</v>
      </c>
      <c r="E574" s="3" t="s">
        <v>4363</v>
      </c>
      <c r="F574" s="6" t="s">
        <v>4364</v>
      </c>
      <c r="G574" s="3" t="s">
        <v>16</v>
      </c>
      <c r="H574" s="3" t="s">
        <v>170</v>
      </c>
      <c r="I574" s="3" t="s">
        <v>171</v>
      </c>
      <c r="J574" s="3" t="s">
        <v>4365</v>
      </c>
      <c r="K574" s="4">
        <v>43385</v>
      </c>
    </row>
    <row r="575" spans="1:11" ht="30" x14ac:dyDescent="0.25">
      <c r="A575" s="6" t="s">
        <v>4394</v>
      </c>
      <c r="B575" s="8" t="s">
        <v>12</v>
      </c>
      <c r="C575" s="8">
        <v>1702</v>
      </c>
      <c r="D575" s="8">
        <v>1702</v>
      </c>
      <c r="E575" s="3" t="s">
        <v>4395</v>
      </c>
      <c r="F575" s="6" t="s">
        <v>4396</v>
      </c>
      <c r="G575" s="3" t="s">
        <v>16</v>
      </c>
      <c r="H575" s="3" t="s">
        <v>17</v>
      </c>
      <c r="I575" s="3" t="s">
        <v>18</v>
      </c>
      <c r="J575" s="3" t="s">
        <v>4397</v>
      </c>
      <c r="K575" s="4">
        <v>43385</v>
      </c>
    </row>
    <row r="576" spans="1:11" x14ac:dyDescent="0.25">
      <c r="A576" s="6" t="s">
        <v>4547</v>
      </c>
      <c r="B576" s="8" t="s">
        <v>12</v>
      </c>
      <c r="C576" s="8" t="s">
        <v>4548</v>
      </c>
      <c r="D576" s="8" t="s">
        <v>4549</v>
      </c>
      <c r="E576" s="3" t="s">
        <v>13</v>
      </c>
      <c r="F576" s="6" t="s">
        <v>4550</v>
      </c>
      <c r="G576" s="3" t="s">
        <v>16</v>
      </c>
      <c r="H576" s="3" t="s">
        <v>17</v>
      </c>
      <c r="I576" s="3" t="s">
        <v>18</v>
      </c>
      <c r="J576" s="3" t="s">
        <v>4551</v>
      </c>
      <c r="K576" s="4">
        <v>43385</v>
      </c>
    </row>
    <row r="577" spans="1:11" ht="45" x14ac:dyDescent="0.25">
      <c r="A577" s="6" t="s">
        <v>4576</v>
      </c>
      <c r="B577" s="8" t="s">
        <v>12</v>
      </c>
      <c r="C577" s="8">
        <v>1719</v>
      </c>
      <c r="D577" s="8">
        <v>1719</v>
      </c>
      <c r="E577" s="3" t="s">
        <v>2133</v>
      </c>
      <c r="F577" s="6" t="s">
        <v>4577</v>
      </c>
      <c r="G577" s="3" t="s">
        <v>16</v>
      </c>
      <c r="H577" s="3" t="s">
        <v>17</v>
      </c>
      <c r="I577" s="3" t="s">
        <v>18</v>
      </c>
      <c r="J577" s="3" t="s">
        <v>3796</v>
      </c>
      <c r="K577" s="4">
        <v>43385</v>
      </c>
    </row>
    <row r="578" spans="1:11" ht="30" x14ac:dyDescent="0.25">
      <c r="A578" s="6" t="s">
        <v>4766</v>
      </c>
      <c r="B578" s="8" t="s">
        <v>12</v>
      </c>
      <c r="C578" s="8">
        <v>1836</v>
      </c>
      <c r="D578" s="8">
        <v>1836</v>
      </c>
      <c r="E578" s="3" t="s">
        <v>13</v>
      </c>
      <c r="F578" s="6" t="s">
        <v>4767</v>
      </c>
      <c r="G578" s="3" t="s">
        <v>16</v>
      </c>
      <c r="H578" s="3" t="s">
        <v>17</v>
      </c>
      <c r="I578" s="3" t="s">
        <v>57</v>
      </c>
      <c r="J578" s="3" t="s">
        <v>13</v>
      </c>
      <c r="K578" s="4">
        <v>43385</v>
      </c>
    </row>
    <row r="579" spans="1:11" ht="135" x14ac:dyDescent="0.25">
      <c r="A579" s="6" t="s">
        <v>4937</v>
      </c>
      <c r="B579" s="8" t="s">
        <v>12</v>
      </c>
      <c r="C579" s="8">
        <v>1835</v>
      </c>
      <c r="D579" s="8">
        <v>1835</v>
      </c>
      <c r="E579" s="3" t="s">
        <v>13</v>
      </c>
      <c r="F579" s="6" t="s">
        <v>4938</v>
      </c>
      <c r="G579" s="3" t="s">
        <v>16</v>
      </c>
      <c r="H579" s="3" t="s">
        <v>170</v>
      </c>
      <c r="I579" s="3" t="s">
        <v>171</v>
      </c>
      <c r="J579" s="3" t="s">
        <v>4939</v>
      </c>
      <c r="K579" s="4">
        <v>43385</v>
      </c>
    </row>
    <row r="580" spans="1:11" ht="30" x14ac:dyDescent="0.25">
      <c r="A580" s="6" t="s">
        <v>4950</v>
      </c>
      <c r="B580" s="8" t="s">
        <v>12</v>
      </c>
      <c r="C580" s="8" t="s">
        <v>261</v>
      </c>
      <c r="D580" s="8">
        <v>1538</v>
      </c>
      <c r="E580" s="3" t="s">
        <v>4951</v>
      </c>
      <c r="F580" s="6" t="s">
        <v>263</v>
      </c>
      <c r="G580" s="3" t="s">
        <v>16</v>
      </c>
      <c r="H580" s="3" t="s">
        <v>30</v>
      </c>
      <c r="I580" s="3" t="s">
        <v>264</v>
      </c>
      <c r="J580" s="3"/>
      <c r="K580" s="4">
        <v>43385</v>
      </c>
    </row>
    <row r="581" spans="1:11" ht="165" x14ac:dyDescent="0.25">
      <c r="A581" s="6" t="s">
        <v>4979</v>
      </c>
      <c r="B581" s="8" t="s">
        <v>12</v>
      </c>
      <c r="C581" s="8" t="s">
        <v>13</v>
      </c>
      <c r="D581" s="8">
        <v>1842</v>
      </c>
      <c r="E581" s="3" t="s">
        <v>13</v>
      </c>
      <c r="F581" s="6" t="s">
        <v>4980</v>
      </c>
      <c r="G581" s="3" t="s">
        <v>16</v>
      </c>
      <c r="H581" s="3" t="s">
        <v>17</v>
      </c>
      <c r="I581" s="3" t="s">
        <v>13</v>
      </c>
      <c r="J581" s="3" t="s">
        <v>4981</v>
      </c>
      <c r="K581" s="4">
        <v>43385</v>
      </c>
    </row>
    <row r="582" spans="1:11" ht="120" x14ac:dyDescent="0.25">
      <c r="A582" s="6" t="s">
        <v>4993</v>
      </c>
      <c r="B582" s="8" t="s">
        <v>12</v>
      </c>
      <c r="C582" s="8" t="s">
        <v>13</v>
      </c>
      <c r="D582" s="8">
        <v>1850</v>
      </c>
      <c r="E582" s="3" t="s">
        <v>13</v>
      </c>
      <c r="F582" s="6" t="s">
        <v>4994</v>
      </c>
      <c r="G582" s="3" t="s">
        <v>16</v>
      </c>
      <c r="H582" s="3" t="s">
        <v>1724</v>
      </c>
      <c r="I582" s="3" t="s">
        <v>250</v>
      </c>
      <c r="J582" s="3" t="s">
        <v>4995</v>
      </c>
      <c r="K582" s="4">
        <v>43385</v>
      </c>
    </row>
    <row r="583" spans="1:11" x14ac:dyDescent="0.25">
      <c r="A583" s="6" t="s">
        <v>5165</v>
      </c>
      <c r="B583" s="8" t="s">
        <v>12</v>
      </c>
      <c r="C583" s="8" t="s">
        <v>664</v>
      </c>
      <c r="D583" s="8">
        <v>1659</v>
      </c>
      <c r="E583" s="3" t="s">
        <v>5166</v>
      </c>
      <c r="F583" s="6" t="s">
        <v>5167</v>
      </c>
      <c r="G583" s="3" t="s">
        <v>16</v>
      </c>
      <c r="H583" s="3" t="s">
        <v>24</v>
      </c>
      <c r="I583" s="3" t="s">
        <v>31</v>
      </c>
      <c r="J583" s="3" t="s">
        <v>5168</v>
      </c>
      <c r="K583" s="4">
        <v>43385</v>
      </c>
    </row>
    <row r="584" spans="1:11" ht="30" x14ac:dyDescent="0.25">
      <c r="A584" s="6" t="s">
        <v>5430</v>
      </c>
      <c r="B584" s="8" t="s">
        <v>12</v>
      </c>
      <c r="C584" s="8">
        <v>1735</v>
      </c>
      <c r="D584" s="8">
        <v>1735</v>
      </c>
      <c r="E584" s="3" t="s">
        <v>5431</v>
      </c>
      <c r="F584" s="6" t="s">
        <v>5432</v>
      </c>
      <c r="G584" s="3" t="s">
        <v>16</v>
      </c>
      <c r="H584" s="3" t="s">
        <v>17</v>
      </c>
      <c r="I584" s="3" t="s">
        <v>138</v>
      </c>
      <c r="J584" s="3" t="s">
        <v>5433</v>
      </c>
      <c r="K584" s="4">
        <v>43385</v>
      </c>
    </row>
    <row r="585" spans="1:11" ht="90" x14ac:dyDescent="0.25">
      <c r="A585" s="6" t="s">
        <v>5533</v>
      </c>
      <c r="B585" s="8" t="s">
        <v>12</v>
      </c>
      <c r="C585" s="8" t="s">
        <v>13</v>
      </c>
      <c r="D585" s="8">
        <v>1567</v>
      </c>
      <c r="E585" s="3" t="s">
        <v>5534</v>
      </c>
      <c r="F585" s="6" t="s">
        <v>5535</v>
      </c>
      <c r="G585" s="3" t="s">
        <v>16</v>
      </c>
      <c r="H585" s="3" t="s">
        <v>30</v>
      </c>
      <c r="I585" s="3" t="s">
        <v>182</v>
      </c>
      <c r="J585" s="3" t="s">
        <v>5536</v>
      </c>
      <c r="K585" s="4">
        <v>43385</v>
      </c>
    </row>
    <row r="586" spans="1:11" ht="30" x14ac:dyDescent="0.25">
      <c r="A586" s="6" t="s">
        <v>5661</v>
      </c>
      <c r="B586" s="8" t="s">
        <v>12</v>
      </c>
      <c r="C586" s="8" t="s">
        <v>13</v>
      </c>
      <c r="D586" s="8">
        <v>1800</v>
      </c>
      <c r="E586" s="3" t="s">
        <v>375</v>
      </c>
      <c r="F586" s="6" t="s">
        <v>5662</v>
      </c>
      <c r="G586" s="3" t="s">
        <v>16</v>
      </c>
      <c r="H586" s="3" t="s">
        <v>17</v>
      </c>
      <c r="I586" s="3" t="s">
        <v>18</v>
      </c>
      <c r="J586" s="3" t="s">
        <v>13</v>
      </c>
      <c r="K586" s="4">
        <v>43385</v>
      </c>
    </row>
    <row r="587" spans="1:11" ht="30" x14ac:dyDescent="0.25">
      <c r="A587" s="6" t="s">
        <v>5682</v>
      </c>
      <c r="B587" s="8" t="s">
        <v>12</v>
      </c>
      <c r="C587" s="8">
        <v>1800</v>
      </c>
      <c r="D587" s="8">
        <v>1800</v>
      </c>
      <c r="E587" s="3" t="s">
        <v>5683</v>
      </c>
      <c r="F587" s="6" t="s">
        <v>5684</v>
      </c>
      <c r="G587" s="3" t="s">
        <v>16</v>
      </c>
      <c r="H587" s="3" t="s">
        <v>24</v>
      </c>
      <c r="I587" s="3" t="s">
        <v>250</v>
      </c>
      <c r="J587" s="3" t="s">
        <v>5685</v>
      </c>
      <c r="K587" s="4">
        <v>43385</v>
      </c>
    </row>
    <row r="588" spans="1:11" x14ac:dyDescent="0.25">
      <c r="A588" s="6" t="s">
        <v>20</v>
      </c>
      <c r="B588" s="8" t="s">
        <v>12</v>
      </c>
      <c r="C588" s="8" t="s">
        <v>21</v>
      </c>
      <c r="D588" s="8">
        <v>1574</v>
      </c>
      <c r="E588" s="3" t="s">
        <v>22</v>
      </c>
      <c r="F588" s="6" t="s">
        <v>23</v>
      </c>
      <c r="G588" s="3" t="s">
        <v>16</v>
      </c>
      <c r="H588" s="3" t="s">
        <v>24</v>
      </c>
      <c r="I588" s="3" t="s">
        <v>25</v>
      </c>
      <c r="J588" s="3" t="s">
        <v>26</v>
      </c>
      <c r="K588" s="4">
        <v>43384</v>
      </c>
    </row>
    <row r="589" spans="1:11" ht="45" x14ac:dyDescent="0.25">
      <c r="A589" s="6" t="s">
        <v>53</v>
      </c>
      <c r="B589" s="8" t="s">
        <v>12</v>
      </c>
      <c r="C589" s="8" t="s">
        <v>54</v>
      </c>
      <c r="D589" s="8">
        <v>1566</v>
      </c>
      <c r="E589" s="3" t="s">
        <v>55</v>
      </c>
      <c r="F589" s="6" t="s">
        <v>56</v>
      </c>
      <c r="G589" s="3" t="s">
        <v>16</v>
      </c>
      <c r="H589" s="3" t="s">
        <v>24</v>
      </c>
      <c r="I589" s="3" t="s">
        <v>57</v>
      </c>
      <c r="J589" s="3" t="s">
        <v>58</v>
      </c>
      <c r="K589" s="4">
        <v>43384</v>
      </c>
    </row>
    <row r="590" spans="1:11" ht="30" x14ac:dyDescent="0.25">
      <c r="A590" s="6" t="s">
        <v>96</v>
      </c>
      <c r="B590" s="8" t="s">
        <v>12</v>
      </c>
      <c r="C590" s="8" t="s">
        <v>97</v>
      </c>
      <c r="D590" s="8">
        <v>1661</v>
      </c>
      <c r="E590" s="3" t="s">
        <v>98</v>
      </c>
      <c r="F590" s="6" t="s">
        <v>99</v>
      </c>
      <c r="G590" s="3" t="s">
        <v>16</v>
      </c>
      <c r="H590" s="3" t="s">
        <v>24</v>
      </c>
      <c r="I590" s="3" t="s">
        <v>57</v>
      </c>
      <c r="J590" s="3" t="s">
        <v>100</v>
      </c>
      <c r="K590" s="4">
        <v>43384</v>
      </c>
    </row>
    <row r="591" spans="1:11" ht="75" x14ac:dyDescent="0.25">
      <c r="A591" s="6" t="s">
        <v>101</v>
      </c>
      <c r="B591" s="8" t="s">
        <v>12</v>
      </c>
      <c r="C591" s="8">
        <v>1904</v>
      </c>
      <c r="D591" s="8">
        <v>1904</v>
      </c>
      <c r="E591" s="3" t="s">
        <v>102</v>
      </c>
      <c r="F591" s="6" t="s">
        <v>103</v>
      </c>
      <c r="G591" s="3" t="s">
        <v>16</v>
      </c>
      <c r="H591" s="3" t="s">
        <v>17</v>
      </c>
      <c r="I591" s="3" t="s">
        <v>18</v>
      </c>
      <c r="J591" s="3" t="s">
        <v>104</v>
      </c>
      <c r="K591" s="4">
        <v>43384</v>
      </c>
    </row>
    <row r="592" spans="1:11" ht="180" x14ac:dyDescent="0.25">
      <c r="A592" s="6" t="s">
        <v>188</v>
      </c>
      <c r="B592" s="8" t="s">
        <v>12</v>
      </c>
      <c r="C592" s="8" t="s">
        <v>13</v>
      </c>
      <c r="D592" s="8">
        <v>1570</v>
      </c>
      <c r="E592" s="3" t="s">
        <v>189</v>
      </c>
      <c r="F592" s="6" t="s">
        <v>190</v>
      </c>
      <c r="G592" s="3" t="s">
        <v>16</v>
      </c>
      <c r="H592" s="3" t="s">
        <v>24</v>
      </c>
      <c r="I592" s="3" t="s">
        <v>182</v>
      </c>
      <c r="J592" s="3" t="s">
        <v>191</v>
      </c>
      <c r="K592" s="4">
        <v>43384</v>
      </c>
    </row>
    <row r="593" spans="1:11" ht="60" x14ac:dyDescent="0.25">
      <c r="A593" s="6" t="s">
        <v>195</v>
      </c>
      <c r="B593" s="8" t="s">
        <v>12</v>
      </c>
      <c r="C593" s="8" t="s">
        <v>196</v>
      </c>
      <c r="D593" s="8">
        <v>1572</v>
      </c>
      <c r="E593" s="3" t="s">
        <v>197</v>
      </c>
      <c r="F593" s="6" t="s">
        <v>198</v>
      </c>
      <c r="G593" s="3" t="s">
        <v>16</v>
      </c>
      <c r="H593" s="3" t="s">
        <v>24</v>
      </c>
      <c r="I593" s="3" t="s">
        <v>57</v>
      </c>
      <c r="J593" s="3" t="s">
        <v>199</v>
      </c>
      <c r="K593" s="4">
        <v>43384</v>
      </c>
    </row>
    <row r="594" spans="1:11" x14ac:dyDescent="0.25">
      <c r="A594" s="6" t="s">
        <v>354</v>
      </c>
      <c r="B594" s="8" t="s">
        <v>12</v>
      </c>
      <c r="C594" s="8" t="s">
        <v>355</v>
      </c>
      <c r="D594" s="8">
        <v>1600</v>
      </c>
      <c r="E594" s="3" t="s">
        <v>356</v>
      </c>
      <c r="F594" s="6" t="s">
        <v>357</v>
      </c>
      <c r="G594" s="3" t="s">
        <v>16</v>
      </c>
      <c r="H594" s="3" t="s">
        <v>24</v>
      </c>
      <c r="I594" s="3" t="s">
        <v>57</v>
      </c>
      <c r="J594" s="3" t="s">
        <v>358</v>
      </c>
      <c r="K594" s="4">
        <v>43384</v>
      </c>
    </row>
    <row r="595" spans="1:11" ht="105" x14ac:dyDescent="0.25">
      <c r="A595" s="6" t="s">
        <v>390</v>
      </c>
      <c r="B595" s="8" t="s">
        <v>12</v>
      </c>
      <c r="C595" s="8" t="s">
        <v>391</v>
      </c>
      <c r="D595" s="8">
        <v>1577</v>
      </c>
      <c r="E595" s="3" t="s">
        <v>392</v>
      </c>
      <c r="F595" s="6" t="s">
        <v>393</v>
      </c>
      <c r="G595" s="3" t="s">
        <v>16</v>
      </c>
      <c r="H595" s="3" t="s">
        <v>24</v>
      </c>
      <c r="I595" s="3" t="s">
        <v>394</v>
      </c>
      <c r="J595" s="3" t="s">
        <v>395</v>
      </c>
      <c r="K595" s="4">
        <v>43384</v>
      </c>
    </row>
    <row r="596" spans="1:11" ht="30" x14ac:dyDescent="0.25">
      <c r="A596" s="6" t="s">
        <v>396</v>
      </c>
      <c r="B596" s="8" t="s">
        <v>12</v>
      </c>
      <c r="C596" s="8">
        <v>1530</v>
      </c>
      <c r="D596" s="8">
        <v>1530</v>
      </c>
      <c r="E596" s="3" t="s">
        <v>397</v>
      </c>
      <c r="F596" s="6" t="s">
        <v>398</v>
      </c>
      <c r="G596" s="3" t="s">
        <v>16</v>
      </c>
      <c r="H596" s="3" t="s">
        <v>24</v>
      </c>
      <c r="I596" s="3" t="s">
        <v>52</v>
      </c>
      <c r="J596" s="3" t="s">
        <v>399</v>
      </c>
      <c r="K596" s="4">
        <v>43384</v>
      </c>
    </row>
    <row r="597" spans="1:11" ht="90" x14ac:dyDescent="0.25">
      <c r="A597" s="6" t="s">
        <v>438</v>
      </c>
      <c r="B597" s="8" t="s">
        <v>12</v>
      </c>
      <c r="C597" s="8" t="s">
        <v>439</v>
      </c>
      <c r="D597" s="8">
        <v>1771</v>
      </c>
      <c r="E597" s="3" t="s">
        <v>440</v>
      </c>
      <c r="F597" s="6" t="s">
        <v>441</v>
      </c>
      <c r="G597" s="3" t="s">
        <v>16</v>
      </c>
      <c r="H597" s="3" t="s">
        <v>24</v>
      </c>
      <c r="I597" s="3" t="s">
        <v>18</v>
      </c>
      <c r="J597" s="3" t="s">
        <v>442</v>
      </c>
      <c r="K597" s="4">
        <v>43384</v>
      </c>
    </row>
    <row r="598" spans="1:11" ht="45" x14ac:dyDescent="0.25">
      <c r="A598" s="6" t="s">
        <v>457</v>
      </c>
      <c r="B598" s="8" t="s">
        <v>12</v>
      </c>
      <c r="C598" s="8" t="s">
        <v>13</v>
      </c>
      <c r="D598" s="8">
        <v>1846</v>
      </c>
      <c r="E598" s="3" t="s">
        <v>13</v>
      </c>
      <c r="F598" s="6" t="s">
        <v>458</v>
      </c>
      <c r="G598" s="3" t="s">
        <v>16</v>
      </c>
      <c r="H598" s="3" t="s">
        <v>17</v>
      </c>
      <c r="I598" s="3" t="s">
        <v>459</v>
      </c>
      <c r="J598" s="3" t="s">
        <v>13</v>
      </c>
      <c r="K598" s="4">
        <v>43384</v>
      </c>
    </row>
    <row r="599" spans="1:11" ht="30" x14ac:dyDescent="0.25">
      <c r="A599" s="6" t="s">
        <v>594</v>
      </c>
      <c r="B599" s="8" t="s">
        <v>12</v>
      </c>
      <c r="C599" s="8" t="s">
        <v>595</v>
      </c>
      <c r="D599" s="8">
        <v>1756</v>
      </c>
      <c r="E599" s="3" t="s">
        <v>596</v>
      </c>
      <c r="F599" s="6" t="s">
        <v>597</v>
      </c>
      <c r="G599" s="3" t="s">
        <v>16</v>
      </c>
      <c r="H599" s="3" t="s">
        <v>24</v>
      </c>
      <c r="I599" s="3" t="s">
        <v>57</v>
      </c>
      <c r="J599" s="3" t="s">
        <v>598</v>
      </c>
      <c r="K599" s="4">
        <v>43384</v>
      </c>
    </row>
    <row r="600" spans="1:11" ht="120" x14ac:dyDescent="0.25">
      <c r="A600" s="6" t="s">
        <v>687</v>
      </c>
      <c r="B600" s="8" t="s">
        <v>12</v>
      </c>
      <c r="C600" s="8" t="s">
        <v>13</v>
      </c>
      <c r="D600" s="8">
        <v>1551</v>
      </c>
      <c r="E600" s="3" t="s">
        <v>688</v>
      </c>
      <c r="F600" s="6" t="s">
        <v>689</v>
      </c>
      <c r="G600" s="3" t="s">
        <v>16</v>
      </c>
      <c r="H600" s="3" t="s">
        <v>24</v>
      </c>
      <c r="I600" s="3" t="s">
        <v>182</v>
      </c>
      <c r="J600" s="3" t="s">
        <v>690</v>
      </c>
      <c r="K600" s="4">
        <v>43384</v>
      </c>
    </row>
    <row r="601" spans="1:11" x14ac:dyDescent="0.25">
      <c r="A601" s="6" t="s">
        <v>803</v>
      </c>
      <c r="B601" s="8" t="s">
        <v>12</v>
      </c>
      <c r="C601" s="8">
        <v>1832</v>
      </c>
      <c r="D601" s="8">
        <v>1832</v>
      </c>
      <c r="E601" s="3" t="s">
        <v>13</v>
      </c>
      <c r="F601" s="6" t="s">
        <v>804</v>
      </c>
      <c r="G601" s="3" t="s">
        <v>16</v>
      </c>
      <c r="H601" s="3" t="s">
        <v>170</v>
      </c>
      <c r="I601" s="3" t="s">
        <v>171</v>
      </c>
      <c r="J601" s="3" t="s">
        <v>805</v>
      </c>
      <c r="K601" s="4">
        <v>43384</v>
      </c>
    </row>
    <row r="602" spans="1:11" ht="75" x14ac:dyDescent="0.25">
      <c r="A602" s="6" t="s">
        <v>806</v>
      </c>
      <c r="B602" s="8" t="s">
        <v>12</v>
      </c>
      <c r="C602" s="8" t="s">
        <v>670</v>
      </c>
      <c r="D602" s="8">
        <v>1845</v>
      </c>
      <c r="E602" s="3" t="s">
        <v>807</v>
      </c>
      <c r="F602" s="6" t="s">
        <v>808</v>
      </c>
      <c r="G602" s="3" t="s">
        <v>16</v>
      </c>
      <c r="H602" s="3" t="s">
        <v>24</v>
      </c>
      <c r="I602" s="3" t="s">
        <v>809</v>
      </c>
      <c r="J602" s="3" t="s">
        <v>810</v>
      </c>
      <c r="K602" s="4">
        <v>43384</v>
      </c>
    </row>
    <row r="603" spans="1:11" ht="60" x14ac:dyDescent="0.25">
      <c r="A603" s="6" t="s">
        <v>854</v>
      </c>
      <c r="B603" s="8" t="s">
        <v>12</v>
      </c>
      <c r="C603" s="8" t="s">
        <v>855</v>
      </c>
      <c r="D603" s="8">
        <v>1558</v>
      </c>
      <c r="E603" s="3" t="s">
        <v>856</v>
      </c>
      <c r="F603" s="6" t="s">
        <v>857</v>
      </c>
      <c r="G603" s="3" t="s">
        <v>16</v>
      </c>
      <c r="H603" s="3" t="s">
        <v>24</v>
      </c>
      <c r="I603" s="3" t="s">
        <v>858</v>
      </c>
      <c r="J603" s="3"/>
      <c r="K603" s="4">
        <v>43384</v>
      </c>
    </row>
    <row r="604" spans="1:11" ht="180" x14ac:dyDescent="0.25">
      <c r="A604" s="6" t="s">
        <v>859</v>
      </c>
      <c r="B604" s="8" t="s">
        <v>12</v>
      </c>
      <c r="C604" s="8" t="s">
        <v>860</v>
      </c>
      <c r="D604" s="9">
        <v>1405</v>
      </c>
      <c r="E604" s="3" t="s">
        <v>861</v>
      </c>
      <c r="F604" s="6" t="s">
        <v>862</v>
      </c>
      <c r="G604" s="3" t="s">
        <v>16</v>
      </c>
      <c r="H604" s="3" t="s">
        <v>17</v>
      </c>
      <c r="I604" s="3" t="s">
        <v>18</v>
      </c>
      <c r="J604" s="3" t="s">
        <v>863</v>
      </c>
      <c r="K604" s="4">
        <v>43384</v>
      </c>
    </row>
    <row r="605" spans="1:11" ht="45" x14ac:dyDescent="0.25">
      <c r="A605" s="6" t="s">
        <v>877</v>
      </c>
      <c r="B605" s="8" t="s">
        <v>12</v>
      </c>
      <c r="C605" s="8" t="s">
        <v>878</v>
      </c>
      <c r="D605" s="8">
        <v>1767</v>
      </c>
      <c r="E605" s="3" t="s">
        <v>879</v>
      </c>
      <c r="F605" s="6" t="s">
        <v>880</v>
      </c>
      <c r="G605" s="3" t="s">
        <v>16</v>
      </c>
      <c r="H605" s="3" t="s">
        <v>17</v>
      </c>
      <c r="I605" s="3" t="s">
        <v>18</v>
      </c>
      <c r="J605" s="3" t="s">
        <v>881</v>
      </c>
      <c r="K605" s="4">
        <v>43384</v>
      </c>
    </row>
    <row r="606" spans="1:11" ht="30" x14ac:dyDescent="0.25">
      <c r="A606" s="6" t="s">
        <v>998</v>
      </c>
      <c r="B606" s="8" t="s">
        <v>12</v>
      </c>
      <c r="C606" s="8">
        <v>1740</v>
      </c>
      <c r="D606" s="8">
        <v>1740</v>
      </c>
      <c r="E606" s="3" t="s">
        <v>999</v>
      </c>
      <c r="F606" s="6" t="s">
        <v>1000</v>
      </c>
      <c r="G606" s="3" t="s">
        <v>16</v>
      </c>
      <c r="H606" s="3" t="s">
        <v>24</v>
      </c>
      <c r="I606" s="3" t="s">
        <v>809</v>
      </c>
      <c r="J606" s="3" t="s">
        <v>13</v>
      </c>
      <c r="K606" s="4">
        <v>43384</v>
      </c>
    </row>
    <row r="607" spans="1:11" ht="180" x14ac:dyDescent="0.25">
      <c r="A607" s="6" t="s">
        <v>1043</v>
      </c>
      <c r="B607" s="8" t="s">
        <v>12</v>
      </c>
      <c r="C607" s="8" t="s">
        <v>1044</v>
      </c>
      <c r="D607" s="8">
        <v>1570</v>
      </c>
      <c r="E607" s="3" t="s">
        <v>189</v>
      </c>
      <c r="F607" s="6" t="s">
        <v>190</v>
      </c>
      <c r="G607" s="3" t="s">
        <v>16</v>
      </c>
      <c r="H607" s="3" t="s">
        <v>30</v>
      </c>
      <c r="I607" s="3" t="s">
        <v>182</v>
      </c>
      <c r="J607" s="3" t="s">
        <v>191</v>
      </c>
      <c r="K607" s="4">
        <v>43384</v>
      </c>
    </row>
    <row r="608" spans="1:11" ht="30" x14ac:dyDescent="0.25">
      <c r="A608" s="6" t="s">
        <v>1194</v>
      </c>
      <c r="B608" s="8" t="s">
        <v>12</v>
      </c>
      <c r="C608" s="8" t="s">
        <v>1163</v>
      </c>
      <c r="D608" s="8">
        <v>1795</v>
      </c>
      <c r="E608" s="3" t="s">
        <v>1195</v>
      </c>
      <c r="F608" s="6" t="s">
        <v>1196</v>
      </c>
      <c r="G608" s="3" t="s">
        <v>16</v>
      </c>
      <c r="H608" s="3" t="s">
        <v>17</v>
      </c>
      <c r="I608" s="3" t="s">
        <v>18</v>
      </c>
      <c r="J608" s="3" t="s">
        <v>623</v>
      </c>
      <c r="K608" s="4">
        <v>43384</v>
      </c>
    </row>
    <row r="609" spans="1:11" ht="60" x14ac:dyDescent="0.25">
      <c r="A609" s="6" t="s">
        <v>1197</v>
      </c>
      <c r="B609" s="8" t="s">
        <v>12</v>
      </c>
      <c r="C609" s="8" t="s">
        <v>620</v>
      </c>
      <c r="D609" s="8">
        <v>1770</v>
      </c>
      <c r="E609" s="3" t="s">
        <v>1198</v>
      </c>
      <c r="F609" s="6" t="s">
        <v>1199</v>
      </c>
      <c r="G609" s="3" t="s">
        <v>16</v>
      </c>
      <c r="H609" s="3" t="s">
        <v>17</v>
      </c>
      <c r="I609" s="3" t="s">
        <v>138</v>
      </c>
      <c r="J609" s="3" t="s">
        <v>13</v>
      </c>
      <c r="K609" s="4">
        <v>43384</v>
      </c>
    </row>
    <row r="610" spans="1:11" x14ac:dyDescent="0.25">
      <c r="A610" s="6" t="s">
        <v>1263</v>
      </c>
      <c r="B610" s="8" t="s">
        <v>12</v>
      </c>
      <c r="C610" s="8" t="s">
        <v>13</v>
      </c>
      <c r="D610" s="8">
        <v>1678</v>
      </c>
      <c r="E610" s="3" t="s">
        <v>1264</v>
      </c>
      <c r="F610" s="6" t="s">
        <v>1265</v>
      </c>
      <c r="G610" s="3" t="s">
        <v>16</v>
      </c>
      <c r="H610" s="3" t="s">
        <v>24</v>
      </c>
      <c r="I610" s="3" t="s">
        <v>57</v>
      </c>
      <c r="J610" s="3" t="s">
        <v>1266</v>
      </c>
      <c r="K610" s="4">
        <v>43384</v>
      </c>
    </row>
    <row r="611" spans="1:11" ht="120" x14ac:dyDescent="0.25">
      <c r="A611" s="6" t="s">
        <v>1384</v>
      </c>
      <c r="B611" s="8" t="s">
        <v>12</v>
      </c>
      <c r="C611" s="8" t="s">
        <v>13</v>
      </c>
      <c r="D611" s="8">
        <v>1504</v>
      </c>
      <c r="E611" s="3" t="s">
        <v>1385</v>
      </c>
      <c r="F611" s="6" t="s">
        <v>1386</v>
      </c>
      <c r="G611" s="3" t="s">
        <v>16</v>
      </c>
      <c r="H611" s="3" t="s">
        <v>24</v>
      </c>
      <c r="I611" s="3" t="s">
        <v>52</v>
      </c>
      <c r="J611" s="3"/>
      <c r="K611" s="4">
        <v>43384</v>
      </c>
    </row>
    <row r="612" spans="1:11" ht="30" x14ac:dyDescent="0.25">
      <c r="A612" s="6" t="s">
        <v>1439</v>
      </c>
      <c r="B612" s="8" t="s">
        <v>12</v>
      </c>
      <c r="C612" s="8" t="s">
        <v>1440</v>
      </c>
      <c r="D612" s="8">
        <v>1734</v>
      </c>
      <c r="E612" s="3" t="s">
        <v>1441</v>
      </c>
      <c r="F612" s="6" t="s">
        <v>1442</v>
      </c>
      <c r="G612" s="3" t="s">
        <v>16</v>
      </c>
      <c r="H612" s="3" t="s">
        <v>17</v>
      </c>
      <c r="I612" s="3" t="s">
        <v>18</v>
      </c>
      <c r="J612" s="3" t="s">
        <v>1443</v>
      </c>
      <c r="K612" s="4">
        <v>43384</v>
      </c>
    </row>
    <row r="613" spans="1:11" ht="150" x14ac:dyDescent="0.25">
      <c r="A613" s="6" t="s">
        <v>1487</v>
      </c>
      <c r="B613" s="8" t="s">
        <v>12</v>
      </c>
      <c r="C613" s="8" t="s">
        <v>196</v>
      </c>
      <c r="D613" s="8">
        <v>1571</v>
      </c>
      <c r="E613" s="3" t="s">
        <v>1488</v>
      </c>
      <c r="F613" s="6" t="s">
        <v>1489</v>
      </c>
      <c r="G613" s="3" t="s">
        <v>16</v>
      </c>
      <c r="H613" s="3" t="s">
        <v>24</v>
      </c>
      <c r="I613" s="3" t="s">
        <v>220</v>
      </c>
      <c r="J613" s="3" t="s">
        <v>1490</v>
      </c>
      <c r="K613" s="4">
        <v>43384</v>
      </c>
    </row>
    <row r="614" spans="1:11" ht="135" x14ac:dyDescent="0.25">
      <c r="A614" s="6" t="s">
        <v>1491</v>
      </c>
      <c r="B614" s="8" t="s">
        <v>12</v>
      </c>
      <c r="C614" s="8">
        <v>1547</v>
      </c>
      <c r="D614" s="8">
        <v>1547</v>
      </c>
      <c r="E614" s="3" t="s">
        <v>366</v>
      </c>
      <c r="F614" s="6" t="s">
        <v>1492</v>
      </c>
      <c r="G614" s="3" t="s">
        <v>16</v>
      </c>
      <c r="H614" s="3" t="s">
        <v>24</v>
      </c>
      <c r="I614" s="3" t="s">
        <v>57</v>
      </c>
      <c r="J614" s="3" t="s">
        <v>191</v>
      </c>
      <c r="K614" s="4">
        <v>43384</v>
      </c>
    </row>
    <row r="615" spans="1:11" ht="30" x14ac:dyDescent="0.25">
      <c r="A615" s="6" t="s">
        <v>1507</v>
      </c>
      <c r="B615" s="8" t="s">
        <v>12</v>
      </c>
      <c r="C615" s="8" t="s">
        <v>1508</v>
      </c>
      <c r="D615" s="8" t="s">
        <v>1509</v>
      </c>
      <c r="E615" s="3" t="s">
        <v>13</v>
      </c>
      <c r="F615" s="6" t="s">
        <v>1510</v>
      </c>
      <c r="G615" s="3" t="s">
        <v>16</v>
      </c>
      <c r="H615" s="3" t="s">
        <v>17</v>
      </c>
      <c r="I615" s="3" t="s">
        <v>18</v>
      </c>
      <c r="J615" s="3" t="s">
        <v>1511</v>
      </c>
      <c r="K615" s="4">
        <v>43384</v>
      </c>
    </row>
    <row r="616" spans="1:11" ht="45" x14ac:dyDescent="0.25">
      <c r="A616" s="6" t="s">
        <v>1538</v>
      </c>
      <c r="B616" s="8" t="s">
        <v>12</v>
      </c>
      <c r="C616" s="8">
        <v>1656</v>
      </c>
      <c r="D616" s="8">
        <v>1656</v>
      </c>
      <c r="E616" s="3" t="s">
        <v>1539</v>
      </c>
      <c r="F616" s="6" t="s">
        <v>1540</v>
      </c>
      <c r="G616" s="3" t="s">
        <v>16</v>
      </c>
      <c r="H616" s="3" t="s">
        <v>17</v>
      </c>
      <c r="I616" s="3" t="s">
        <v>18</v>
      </c>
      <c r="J616" s="3" t="s">
        <v>1541</v>
      </c>
      <c r="K616" s="4">
        <v>43384</v>
      </c>
    </row>
    <row r="617" spans="1:11" ht="90" x14ac:dyDescent="0.25">
      <c r="A617" s="6" t="s">
        <v>1551</v>
      </c>
      <c r="B617" s="8" t="s">
        <v>12</v>
      </c>
      <c r="C617" s="8" t="s">
        <v>1552</v>
      </c>
      <c r="D617" s="8">
        <v>1797</v>
      </c>
      <c r="E617" s="3" t="s">
        <v>1553</v>
      </c>
      <c r="F617" s="6" t="s">
        <v>441</v>
      </c>
      <c r="G617" s="3" t="s">
        <v>16</v>
      </c>
      <c r="H617" s="3" t="s">
        <v>24</v>
      </c>
      <c r="I617" s="3" t="s">
        <v>57</v>
      </c>
      <c r="J617" s="3" t="s">
        <v>1554</v>
      </c>
      <c r="K617" s="4">
        <v>43384</v>
      </c>
    </row>
    <row r="618" spans="1:11" ht="30" x14ac:dyDescent="0.25">
      <c r="A618" s="6" t="s">
        <v>1566</v>
      </c>
      <c r="B618" s="8" t="s">
        <v>12</v>
      </c>
      <c r="C618" s="8">
        <v>1849</v>
      </c>
      <c r="D618" s="8">
        <v>1849</v>
      </c>
      <c r="E618" s="3" t="s">
        <v>1567</v>
      </c>
      <c r="F618" s="6" t="s">
        <v>1568</v>
      </c>
      <c r="G618" s="3" t="s">
        <v>16</v>
      </c>
      <c r="H618" s="3" t="s">
        <v>17</v>
      </c>
      <c r="I618" s="3" t="s">
        <v>18</v>
      </c>
      <c r="J618" s="3" t="s">
        <v>1569</v>
      </c>
      <c r="K618" s="4">
        <v>43384</v>
      </c>
    </row>
    <row r="619" spans="1:11" x14ac:dyDescent="0.25">
      <c r="A619" s="6" t="s">
        <v>1575</v>
      </c>
      <c r="B619" s="8" t="s">
        <v>12</v>
      </c>
      <c r="C619" s="8">
        <v>1839</v>
      </c>
      <c r="D619" s="8">
        <v>1839</v>
      </c>
      <c r="E619" s="3" t="s">
        <v>13</v>
      </c>
      <c r="F619" s="6" t="s">
        <v>1576</v>
      </c>
      <c r="G619" s="3" t="s">
        <v>16</v>
      </c>
      <c r="H619" s="3" t="s">
        <v>170</v>
      </c>
      <c r="I619" s="3" t="s">
        <v>171</v>
      </c>
      <c r="J619" s="3" t="s">
        <v>1577</v>
      </c>
      <c r="K619" s="4">
        <v>43384</v>
      </c>
    </row>
    <row r="620" spans="1:11" ht="45" x14ac:dyDescent="0.25">
      <c r="A620" s="6" t="s">
        <v>1582</v>
      </c>
      <c r="B620" s="8" t="s">
        <v>12</v>
      </c>
      <c r="C620" s="8" t="s">
        <v>1583</v>
      </c>
      <c r="D620" s="8">
        <v>1608</v>
      </c>
      <c r="E620" s="3" t="s">
        <v>13</v>
      </c>
      <c r="F620" s="6" t="s">
        <v>1584</v>
      </c>
      <c r="G620" s="3" t="s">
        <v>16</v>
      </c>
      <c r="H620" s="3" t="s">
        <v>24</v>
      </c>
      <c r="I620" s="3" t="s">
        <v>13</v>
      </c>
      <c r="J620" s="3" t="s">
        <v>13</v>
      </c>
      <c r="K620" s="4">
        <v>43384</v>
      </c>
    </row>
    <row r="621" spans="1:11" ht="45" x14ac:dyDescent="0.25">
      <c r="A621" s="6" t="s">
        <v>1643</v>
      </c>
      <c r="B621" s="8" t="s">
        <v>12</v>
      </c>
      <c r="C621" s="8" t="s">
        <v>13</v>
      </c>
      <c r="D621" s="8">
        <v>1850</v>
      </c>
      <c r="E621" s="3" t="s">
        <v>770</v>
      </c>
      <c r="F621" s="6" t="s">
        <v>1644</v>
      </c>
      <c r="G621" s="3" t="s">
        <v>16</v>
      </c>
      <c r="H621" s="3" t="s">
        <v>30</v>
      </c>
      <c r="I621" s="3" t="s">
        <v>57</v>
      </c>
      <c r="J621" s="3" t="s">
        <v>32</v>
      </c>
      <c r="K621" s="4">
        <v>43384</v>
      </c>
    </row>
    <row r="622" spans="1:11" ht="60" x14ac:dyDescent="0.25">
      <c r="A622" s="6" t="s">
        <v>1671</v>
      </c>
      <c r="B622" s="8" t="s">
        <v>12</v>
      </c>
      <c r="C622" s="8" t="s">
        <v>1672</v>
      </c>
      <c r="D622" s="8">
        <v>1595</v>
      </c>
      <c r="E622" s="3" t="s">
        <v>1673</v>
      </c>
      <c r="F622" s="6" t="s">
        <v>367</v>
      </c>
      <c r="G622" s="3" t="s">
        <v>16</v>
      </c>
      <c r="H622" s="3" t="s">
        <v>24</v>
      </c>
      <c r="I622" s="3" t="s">
        <v>226</v>
      </c>
      <c r="J622" s="3" t="s">
        <v>1674</v>
      </c>
      <c r="K622" s="4">
        <v>43384</v>
      </c>
    </row>
    <row r="623" spans="1:11" ht="150" x14ac:dyDescent="0.25">
      <c r="A623" s="6" t="s">
        <v>1688</v>
      </c>
      <c r="B623" s="8" t="s">
        <v>12</v>
      </c>
      <c r="C623" s="8" t="s">
        <v>1448</v>
      </c>
      <c r="D623" s="8">
        <v>1671</v>
      </c>
      <c r="E623" s="3" t="s">
        <v>1689</v>
      </c>
      <c r="F623" s="6" t="s">
        <v>1690</v>
      </c>
      <c r="G623" s="3" t="s">
        <v>16</v>
      </c>
      <c r="H623" s="3" t="s">
        <v>24</v>
      </c>
      <c r="I623" s="3" t="s">
        <v>18</v>
      </c>
      <c r="J623" s="3" t="s">
        <v>1691</v>
      </c>
      <c r="K623" s="4">
        <v>43384</v>
      </c>
    </row>
    <row r="624" spans="1:11" ht="120" x14ac:dyDescent="0.25">
      <c r="A624" s="6" t="s">
        <v>1696</v>
      </c>
      <c r="B624" s="8" t="s">
        <v>12</v>
      </c>
      <c r="C624" s="8" t="s">
        <v>1697</v>
      </c>
      <c r="D624" s="8">
        <v>1790</v>
      </c>
      <c r="E624" s="3" t="s">
        <v>1698</v>
      </c>
      <c r="F624" s="6" t="s">
        <v>1699</v>
      </c>
      <c r="G624" s="3" t="s">
        <v>16</v>
      </c>
      <c r="H624" s="3" t="s">
        <v>24</v>
      </c>
      <c r="I624" s="3" t="s">
        <v>57</v>
      </c>
      <c r="J624" s="3" t="s">
        <v>1700</v>
      </c>
      <c r="K624" s="4">
        <v>43384</v>
      </c>
    </row>
    <row r="625" spans="1:11" ht="30" x14ac:dyDescent="0.25">
      <c r="A625" s="6" t="s">
        <v>1775</v>
      </c>
      <c r="B625" s="8" t="s">
        <v>12</v>
      </c>
      <c r="C625" s="8">
        <v>1831</v>
      </c>
      <c r="D625" s="8">
        <v>1831</v>
      </c>
      <c r="E625" s="3" t="s">
        <v>1776</v>
      </c>
      <c r="F625" s="6" t="s">
        <v>1777</v>
      </c>
      <c r="G625" s="3" t="s">
        <v>16</v>
      </c>
      <c r="H625" s="3" t="s">
        <v>17</v>
      </c>
      <c r="I625" s="3" t="s">
        <v>18</v>
      </c>
      <c r="J625" s="3" t="s">
        <v>1778</v>
      </c>
      <c r="K625" s="4">
        <v>43384</v>
      </c>
    </row>
    <row r="626" spans="1:11" ht="120" x14ac:dyDescent="0.25">
      <c r="A626" s="6" t="s">
        <v>1833</v>
      </c>
      <c r="B626" s="8" t="s">
        <v>12</v>
      </c>
      <c r="C626" s="8">
        <v>1845</v>
      </c>
      <c r="D626" s="8">
        <v>1845</v>
      </c>
      <c r="E626" s="3" t="s">
        <v>13</v>
      </c>
      <c r="F626" s="6" t="s">
        <v>1834</v>
      </c>
      <c r="G626" s="3" t="s">
        <v>16</v>
      </c>
      <c r="H626" s="3" t="s">
        <v>17</v>
      </c>
      <c r="I626" s="3" t="s">
        <v>121</v>
      </c>
      <c r="J626" s="3" t="s">
        <v>13</v>
      </c>
      <c r="K626" s="4">
        <v>43384</v>
      </c>
    </row>
    <row r="627" spans="1:11" ht="120" x14ac:dyDescent="0.25">
      <c r="A627" s="6" t="s">
        <v>1855</v>
      </c>
      <c r="B627" s="8" t="s">
        <v>12</v>
      </c>
      <c r="C627" s="8" t="s">
        <v>1856</v>
      </c>
      <c r="D627" s="8">
        <v>1562</v>
      </c>
      <c r="E627" s="3" t="s">
        <v>1857</v>
      </c>
      <c r="F627" s="6" t="s">
        <v>1858</v>
      </c>
      <c r="G627" s="3" t="s">
        <v>16</v>
      </c>
      <c r="H627" s="3" t="s">
        <v>24</v>
      </c>
      <c r="I627" s="3" t="s">
        <v>57</v>
      </c>
      <c r="J627" s="3"/>
      <c r="K627" s="4">
        <v>43384</v>
      </c>
    </row>
    <row r="628" spans="1:11" ht="45" x14ac:dyDescent="0.25">
      <c r="A628" s="6" t="s">
        <v>1917</v>
      </c>
      <c r="B628" s="8" t="s">
        <v>12</v>
      </c>
      <c r="C628" s="8" t="s">
        <v>1918</v>
      </c>
      <c r="D628" s="8">
        <v>1695</v>
      </c>
      <c r="E628" s="3" t="s">
        <v>1919</v>
      </c>
      <c r="F628" s="6" t="s">
        <v>577</v>
      </c>
      <c r="G628" s="3" t="s">
        <v>16</v>
      </c>
      <c r="H628" s="3" t="s">
        <v>24</v>
      </c>
      <c r="I628" s="3" t="s">
        <v>57</v>
      </c>
      <c r="J628" s="3" t="s">
        <v>13</v>
      </c>
      <c r="K628" s="4">
        <v>43384</v>
      </c>
    </row>
    <row r="629" spans="1:11" ht="45" x14ac:dyDescent="0.25">
      <c r="A629" s="6" t="s">
        <v>1926</v>
      </c>
      <c r="B629" s="8" t="s">
        <v>12</v>
      </c>
      <c r="C629" s="8" t="s">
        <v>1927</v>
      </c>
      <c r="D629" s="8" t="s">
        <v>1928</v>
      </c>
      <c r="E629" s="3" t="s">
        <v>1929</v>
      </c>
      <c r="F629" s="6" t="s">
        <v>1930</v>
      </c>
      <c r="G629" s="3" t="s">
        <v>16</v>
      </c>
      <c r="H629" s="3" t="s">
        <v>17</v>
      </c>
      <c r="I629" s="3" t="s">
        <v>18</v>
      </c>
      <c r="J629" s="3" t="s">
        <v>1931</v>
      </c>
      <c r="K629" s="4">
        <v>43384</v>
      </c>
    </row>
    <row r="630" spans="1:11" ht="45" x14ac:dyDescent="0.25">
      <c r="A630" s="6" t="s">
        <v>1996</v>
      </c>
      <c r="B630" s="8" t="s">
        <v>12</v>
      </c>
      <c r="C630" s="8">
        <v>1819</v>
      </c>
      <c r="D630" s="8">
        <v>1819</v>
      </c>
      <c r="E630" s="3" t="s">
        <v>1997</v>
      </c>
      <c r="F630" s="6" t="s">
        <v>1998</v>
      </c>
      <c r="G630" s="3" t="s">
        <v>16</v>
      </c>
      <c r="H630" s="3" t="s">
        <v>17</v>
      </c>
      <c r="I630" s="3" t="s">
        <v>138</v>
      </c>
      <c r="J630" s="3" t="s">
        <v>1999</v>
      </c>
      <c r="K630" s="4">
        <v>43384</v>
      </c>
    </row>
    <row r="631" spans="1:11" ht="90" x14ac:dyDescent="0.25">
      <c r="A631" s="6" t="s">
        <v>2000</v>
      </c>
      <c r="B631" s="8" t="s">
        <v>12</v>
      </c>
      <c r="C631" s="8" t="s">
        <v>535</v>
      </c>
      <c r="D631" s="8">
        <v>1573</v>
      </c>
      <c r="E631" s="3" t="s">
        <v>2001</v>
      </c>
      <c r="F631" s="6" t="s">
        <v>2002</v>
      </c>
      <c r="G631" s="3" t="s">
        <v>16</v>
      </c>
      <c r="H631" s="3" t="s">
        <v>24</v>
      </c>
      <c r="I631" s="3" t="s">
        <v>57</v>
      </c>
      <c r="J631" s="3" t="s">
        <v>2003</v>
      </c>
      <c r="K631" s="4">
        <v>43384</v>
      </c>
    </row>
    <row r="632" spans="1:11" ht="45" x14ac:dyDescent="0.25">
      <c r="A632" s="6" t="s">
        <v>2023</v>
      </c>
      <c r="B632" s="8" t="s">
        <v>12</v>
      </c>
      <c r="C632" s="8" t="s">
        <v>13</v>
      </c>
      <c r="D632" s="8">
        <v>1785</v>
      </c>
      <c r="E632" s="3" t="s">
        <v>2024</v>
      </c>
      <c r="F632" s="6" t="s">
        <v>2025</v>
      </c>
      <c r="G632" s="3" t="s">
        <v>16</v>
      </c>
      <c r="H632" s="3" t="s">
        <v>17</v>
      </c>
      <c r="I632" s="3" t="s">
        <v>57</v>
      </c>
      <c r="J632" s="3" t="s">
        <v>2026</v>
      </c>
      <c r="K632" s="4">
        <v>43384</v>
      </c>
    </row>
    <row r="633" spans="1:11" ht="60" x14ac:dyDescent="0.25">
      <c r="A633" s="6" t="s">
        <v>2027</v>
      </c>
      <c r="B633" s="8" t="s">
        <v>12</v>
      </c>
      <c r="C633" s="8" t="s">
        <v>13</v>
      </c>
      <c r="D633" s="8">
        <v>1856</v>
      </c>
      <c r="E633" s="3" t="s">
        <v>13</v>
      </c>
      <c r="F633" s="6" t="s">
        <v>2028</v>
      </c>
      <c r="G633" s="3" t="s">
        <v>16</v>
      </c>
      <c r="H633" s="3" t="s">
        <v>17</v>
      </c>
      <c r="I633" s="3" t="s">
        <v>18</v>
      </c>
      <c r="J633" s="3" t="s">
        <v>13</v>
      </c>
      <c r="K633" s="4">
        <v>43384</v>
      </c>
    </row>
    <row r="634" spans="1:11" x14ac:dyDescent="0.25">
      <c r="A634" s="6" t="s">
        <v>2108</v>
      </c>
      <c r="B634" s="8" t="s">
        <v>12</v>
      </c>
      <c r="C634" s="8" t="s">
        <v>13</v>
      </c>
      <c r="D634" s="8">
        <v>1853</v>
      </c>
      <c r="E634" s="3" t="s">
        <v>2109</v>
      </c>
      <c r="F634" s="6" t="s">
        <v>2110</v>
      </c>
      <c r="G634" s="3" t="s">
        <v>16</v>
      </c>
      <c r="H634" s="3" t="s">
        <v>17</v>
      </c>
      <c r="I634" s="3" t="s">
        <v>18</v>
      </c>
      <c r="J634" s="3" t="s">
        <v>13</v>
      </c>
      <c r="K634" s="4">
        <v>43384</v>
      </c>
    </row>
    <row r="635" spans="1:11" ht="165" x14ac:dyDescent="0.25">
      <c r="A635" s="6" t="s">
        <v>2166</v>
      </c>
      <c r="B635" s="8" t="s">
        <v>12</v>
      </c>
      <c r="C635" s="8" t="s">
        <v>13</v>
      </c>
      <c r="D635" s="8">
        <v>1558</v>
      </c>
      <c r="E635" s="3" t="s">
        <v>2167</v>
      </c>
      <c r="F635" s="6" t="s">
        <v>2168</v>
      </c>
      <c r="G635" s="3" t="s">
        <v>16</v>
      </c>
      <c r="H635" s="3" t="s">
        <v>24</v>
      </c>
      <c r="I635" s="3" t="s">
        <v>57</v>
      </c>
      <c r="J635" s="3" t="s">
        <v>2169</v>
      </c>
      <c r="K635" s="4">
        <v>43384</v>
      </c>
    </row>
    <row r="636" spans="1:11" ht="45" x14ac:dyDescent="0.25">
      <c r="A636" s="6" t="s">
        <v>2238</v>
      </c>
      <c r="B636" s="8" t="s">
        <v>12</v>
      </c>
      <c r="C636" s="8">
        <v>1863</v>
      </c>
      <c r="D636" s="8">
        <v>1863</v>
      </c>
      <c r="E636" s="3" t="s">
        <v>13</v>
      </c>
      <c r="F636" s="6" t="s">
        <v>2239</v>
      </c>
      <c r="G636" s="3" t="s">
        <v>16</v>
      </c>
      <c r="H636" s="3" t="s">
        <v>17</v>
      </c>
      <c r="I636" s="3" t="s">
        <v>13</v>
      </c>
      <c r="J636" s="3" t="s">
        <v>13</v>
      </c>
      <c r="K636" s="4">
        <v>43384</v>
      </c>
    </row>
    <row r="637" spans="1:11" ht="180" x14ac:dyDescent="0.25">
      <c r="A637" s="6" t="s">
        <v>2272</v>
      </c>
      <c r="B637" s="8" t="s">
        <v>12</v>
      </c>
      <c r="C637" s="8" t="s">
        <v>2078</v>
      </c>
      <c r="D637" s="8">
        <v>1532</v>
      </c>
      <c r="E637" s="3" t="s">
        <v>2167</v>
      </c>
      <c r="F637" s="6" t="s">
        <v>2273</v>
      </c>
      <c r="G637" s="3" t="s">
        <v>16</v>
      </c>
      <c r="H637" s="3" t="s">
        <v>24</v>
      </c>
      <c r="I637" s="3" t="s">
        <v>182</v>
      </c>
      <c r="J637" s="3" t="s">
        <v>2274</v>
      </c>
      <c r="K637" s="4">
        <v>43384</v>
      </c>
    </row>
    <row r="638" spans="1:11" ht="45" x14ac:dyDescent="0.25">
      <c r="A638" s="6" t="s">
        <v>2311</v>
      </c>
      <c r="B638" s="8" t="s">
        <v>12</v>
      </c>
      <c r="C638" s="8" t="s">
        <v>331</v>
      </c>
      <c r="D638" s="8">
        <v>1664</v>
      </c>
      <c r="E638" s="3" t="s">
        <v>2312</v>
      </c>
      <c r="F638" s="6" t="s">
        <v>2313</v>
      </c>
      <c r="G638" s="3" t="s">
        <v>16</v>
      </c>
      <c r="H638" s="3" t="s">
        <v>24</v>
      </c>
      <c r="I638" s="3" t="s">
        <v>57</v>
      </c>
      <c r="J638" s="3" t="s">
        <v>2314</v>
      </c>
      <c r="K638" s="4">
        <v>43384</v>
      </c>
    </row>
    <row r="639" spans="1:11" ht="45" x14ac:dyDescent="0.25">
      <c r="A639" s="6" t="s">
        <v>2380</v>
      </c>
      <c r="B639" s="8" t="s">
        <v>12</v>
      </c>
      <c r="C639" s="8" t="s">
        <v>2381</v>
      </c>
      <c r="D639" s="8">
        <v>1637</v>
      </c>
      <c r="E639" s="3" t="s">
        <v>2382</v>
      </c>
      <c r="F639" s="6" t="s">
        <v>2383</v>
      </c>
      <c r="G639" s="3" t="s">
        <v>16</v>
      </c>
      <c r="H639" s="3" t="s">
        <v>24</v>
      </c>
      <c r="I639" s="3" t="s">
        <v>52</v>
      </c>
      <c r="J639" s="3" t="s">
        <v>2384</v>
      </c>
      <c r="K639" s="4">
        <v>43384</v>
      </c>
    </row>
    <row r="640" spans="1:11" ht="90" x14ac:dyDescent="0.25">
      <c r="A640" s="6" t="s">
        <v>2441</v>
      </c>
      <c r="B640" s="8" t="s">
        <v>12</v>
      </c>
      <c r="C640" s="8">
        <v>1808</v>
      </c>
      <c r="D640" s="8">
        <v>1808</v>
      </c>
      <c r="E640" s="3" t="s">
        <v>2442</v>
      </c>
      <c r="F640" s="6" t="s">
        <v>2443</v>
      </c>
      <c r="G640" s="3" t="s">
        <v>16</v>
      </c>
      <c r="H640" s="3" t="s">
        <v>30</v>
      </c>
      <c r="I640" s="3" t="s">
        <v>57</v>
      </c>
      <c r="J640" s="3" t="s">
        <v>2444</v>
      </c>
      <c r="K640" s="4">
        <v>43384</v>
      </c>
    </row>
    <row r="641" spans="1:11" ht="90" x14ac:dyDescent="0.25">
      <c r="A641" s="6" t="s">
        <v>2537</v>
      </c>
      <c r="B641" s="8" t="s">
        <v>12</v>
      </c>
      <c r="C641" s="8" t="s">
        <v>13</v>
      </c>
      <c r="D641" s="8">
        <v>1837</v>
      </c>
      <c r="E641" s="3" t="s">
        <v>2538</v>
      </c>
      <c r="F641" s="6" t="s">
        <v>2539</v>
      </c>
      <c r="G641" s="3" t="s">
        <v>16</v>
      </c>
      <c r="H641" s="3" t="s">
        <v>17</v>
      </c>
      <c r="I641" s="3" t="s">
        <v>171</v>
      </c>
      <c r="J641" s="3"/>
      <c r="K641" s="4">
        <v>43384</v>
      </c>
    </row>
    <row r="642" spans="1:11" ht="90" x14ac:dyDescent="0.25">
      <c r="A642" s="6" t="s">
        <v>2690</v>
      </c>
      <c r="B642" s="8" t="s">
        <v>12</v>
      </c>
      <c r="C642" s="8" t="s">
        <v>1552</v>
      </c>
      <c r="D642" s="8">
        <v>1797</v>
      </c>
      <c r="E642" s="3" t="s">
        <v>2691</v>
      </c>
      <c r="F642" s="6" t="s">
        <v>441</v>
      </c>
      <c r="G642" s="3" t="s">
        <v>16</v>
      </c>
      <c r="H642" s="3" t="s">
        <v>24</v>
      </c>
      <c r="I642" s="3" t="s">
        <v>57</v>
      </c>
      <c r="J642" s="3" t="s">
        <v>2692</v>
      </c>
      <c r="K642" s="4">
        <v>43384</v>
      </c>
    </row>
    <row r="643" spans="1:11" ht="30" x14ac:dyDescent="0.25">
      <c r="A643" s="6" t="s">
        <v>2786</v>
      </c>
      <c r="B643" s="8" t="s">
        <v>12</v>
      </c>
      <c r="C643" s="8" t="s">
        <v>2787</v>
      </c>
      <c r="D643" s="8">
        <v>1779</v>
      </c>
      <c r="E643" s="3" t="s">
        <v>2788</v>
      </c>
      <c r="F643" s="6" t="s">
        <v>2789</v>
      </c>
      <c r="G643" s="3" t="s">
        <v>16</v>
      </c>
      <c r="H643" s="3" t="s">
        <v>17</v>
      </c>
      <c r="I643" s="3" t="s">
        <v>18</v>
      </c>
      <c r="J643" s="3" t="s">
        <v>1511</v>
      </c>
      <c r="K643" s="4">
        <v>43384</v>
      </c>
    </row>
    <row r="644" spans="1:11" x14ac:dyDescent="0.25">
      <c r="A644" s="6" t="s">
        <v>2815</v>
      </c>
      <c r="B644" s="8" t="s">
        <v>12</v>
      </c>
      <c r="C644" s="8" t="s">
        <v>2816</v>
      </c>
      <c r="D644" s="8" t="s">
        <v>2817</v>
      </c>
      <c r="E644" s="3" t="s">
        <v>13</v>
      </c>
      <c r="F644" s="6" t="s">
        <v>2818</v>
      </c>
      <c r="G644" s="3" t="s">
        <v>16</v>
      </c>
      <c r="H644" s="3" t="s">
        <v>17</v>
      </c>
      <c r="I644" s="3" t="s">
        <v>18</v>
      </c>
      <c r="J644" s="3" t="s">
        <v>2819</v>
      </c>
      <c r="K644" s="4">
        <v>43384</v>
      </c>
    </row>
    <row r="645" spans="1:11" ht="150" x14ac:dyDescent="0.25">
      <c r="A645" s="6" t="s">
        <v>2825</v>
      </c>
      <c r="B645" s="8" t="s">
        <v>12</v>
      </c>
      <c r="C645" s="8" t="s">
        <v>2826</v>
      </c>
      <c r="D645" s="8">
        <v>1545</v>
      </c>
      <c r="E645" s="3" t="s">
        <v>2827</v>
      </c>
      <c r="F645" s="6" t="s">
        <v>2828</v>
      </c>
      <c r="G645" s="3" t="s">
        <v>16</v>
      </c>
      <c r="H645" s="3" t="s">
        <v>24</v>
      </c>
      <c r="I645" s="3" t="s">
        <v>858</v>
      </c>
      <c r="J645" s="3" t="s">
        <v>1700</v>
      </c>
      <c r="K645" s="4">
        <v>43384</v>
      </c>
    </row>
    <row r="646" spans="1:11" ht="75" x14ac:dyDescent="0.25">
      <c r="A646" s="6" t="s">
        <v>2838</v>
      </c>
      <c r="B646" s="8" t="s">
        <v>12</v>
      </c>
      <c r="C646" s="8" t="s">
        <v>2839</v>
      </c>
      <c r="D646" s="8">
        <v>1751</v>
      </c>
      <c r="E646" s="3" t="s">
        <v>2840</v>
      </c>
      <c r="F646" s="6" t="s">
        <v>2841</v>
      </c>
      <c r="G646" s="3" t="s">
        <v>16</v>
      </c>
      <c r="H646" s="3" t="s">
        <v>17</v>
      </c>
      <c r="I646" s="3" t="s">
        <v>18</v>
      </c>
      <c r="J646" s="3" t="s">
        <v>2842</v>
      </c>
      <c r="K646" s="4">
        <v>43384</v>
      </c>
    </row>
    <row r="647" spans="1:11" x14ac:dyDescent="0.25">
      <c r="A647" s="6" t="s">
        <v>2890</v>
      </c>
      <c r="B647" s="8" t="s">
        <v>12</v>
      </c>
      <c r="C647" s="8">
        <v>1744</v>
      </c>
      <c r="D647" s="8">
        <v>1744</v>
      </c>
      <c r="E647" s="3" t="s">
        <v>2891</v>
      </c>
      <c r="F647" s="6" t="s">
        <v>2892</v>
      </c>
      <c r="G647" s="3" t="s">
        <v>16</v>
      </c>
      <c r="H647" s="3" t="s">
        <v>17</v>
      </c>
      <c r="I647" s="3" t="s">
        <v>18</v>
      </c>
      <c r="J647" s="3" t="s">
        <v>13</v>
      </c>
      <c r="K647" s="4">
        <v>43384</v>
      </c>
    </row>
    <row r="648" spans="1:11" ht="180" x14ac:dyDescent="0.25">
      <c r="A648" s="6" t="s">
        <v>2921</v>
      </c>
      <c r="B648" s="8" t="s">
        <v>12</v>
      </c>
      <c r="C648" s="8" t="s">
        <v>1241</v>
      </c>
      <c r="D648" s="8">
        <v>1575</v>
      </c>
      <c r="E648" s="3" t="s">
        <v>2915</v>
      </c>
      <c r="F648" s="6" t="s">
        <v>2922</v>
      </c>
      <c r="G648" s="3" t="s">
        <v>16</v>
      </c>
      <c r="H648" s="3" t="s">
        <v>24</v>
      </c>
      <c r="I648" s="3" t="s">
        <v>264</v>
      </c>
      <c r="J648" s="3" t="s">
        <v>2923</v>
      </c>
      <c r="K648" s="4">
        <v>43384</v>
      </c>
    </row>
    <row r="649" spans="1:11" ht="45" x14ac:dyDescent="0.25">
      <c r="A649" s="6" t="s">
        <v>2932</v>
      </c>
      <c r="B649" s="8" t="s">
        <v>12</v>
      </c>
      <c r="C649" s="8" t="s">
        <v>13</v>
      </c>
      <c r="D649" s="8">
        <v>1805</v>
      </c>
      <c r="E649" s="3" t="s">
        <v>13</v>
      </c>
      <c r="F649" s="6" t="s">
        <v>2933</v>
      </c>
      <c r="G649" s="3" t="s">
        <v>16</v>
      </c>
      <c r="H649" s="3" t="s">
        <v>170</v>
      </c>
      <c r="I649" s="3" t="s">
        <v>171</v>
      </c>
      <c r="J649" s="3" t="s">
        <v>13</v>
      </c>
      <c r="K649" s="4">
        <v>43384</v>
      </c>
    </row>
    <row r="650" spans="1:11" ht="30" x14ac:dyDescent="0.25">
      <c r="A650" s="6" t="s">
        <v>2937</v>
      </c>
      <c r="B650" s="8" t="s">
        <v>12</v>
      </c>
      <c r="C650" s="8" t="s">
        <v>13</v>
      </c>
      <c r="D650" s="8">
        <v>1800</v>
      </c>
      <c r="E650" s="3" t="s">
        <v>13</v>
      </c>
      <c r="F650" s="6" t="s">
        <v>2938</v>
      </c>
      <c r="G650" s="3" t="s">
        <v>16</v>
      </c>
      <c r="H650" s="3" t="s">
        <v>17</v>
      </c>
      <c r="I650" s="3" t="s">
        <v>13</v>
      </c>
      <c r="J650" s="3" t="s">
        <v>2939</v>
      </c>
      <c r="K650" s="4">
        <v>43384</v>
      </c>
    </row>
    <row r="651" spans="1:11" ht="30" x14ac:dyDescent="0.25">
      <c r="A651" s="6" t="s">
        <v>3020</v>
      </c>
      <c r="B651" s="8" t="s">
        <v>12</v>
      </c>
      <c r="C651" s="8" t="s">
        <v>13</v>
      </c>
      <c r="D651" s="8">
        <v>1520</v>
      </c>
      <c r="E651" s="3" t="s">
        <v>3021</v>
      </c>
      <c r="F651" s="6" t="s">
        <v>3022</v>
      </c>
      <c r="G651" s="3" t="s">
        <v>16</v>
      </c>
      <c r="H651" s="3" t="s">
        <v>24</v>
      </c>
      <c r="I651" s="3" t="s">
        <v>57</v>
      </c>
      <c r="J651" s="3" t="s">
        <v>3023</v>
      </c>
      <c r="K651" s="4">
        <v>43384</v>
      </c>
    </row>
    <row r="652" spans="1:11" ht="30" x14ac:dyDescent="0.25">
      <c r="A652" s="6" t="s">
        <v>3081</v>
      </c>
      <c r="B652" s="8" t="s">
        <v>12</v>
      </c>
      <c r="C652" s="8">
        <v>1748</v>
      </c>
      <c r="D652" s="8">
        <v>1748</v>
      </c>
      <c r="E652" s="3" t="s">
        <v>13</v>
      </c>
      <c r="F652" s="6" t="s">
        <v>3082</v>
      </c>
      <c r="G652" s="3" t="s">
        <v>16</v>
      </c>
      <c r="H652" s="3" t="s">
        <v>17</v>
      </c>
      <c r="I652" s="3" t="s">
        <v>18</v>
      </c>
      <c r="J652" s="3" t="s">
        <v>3083</v>
      </c>
      <c r="K652" s="4">
        <v>43384</v>
      </c>
    </row>
    <row r="653" spans="1:11" ht="30" x14ac:dyDescent="0.25">
      <c r="A653" s="6" t="s">
        <v>3154</v>
      </c>
      <c r="B653" s="8" t="s">
        <v>12</v>
      </c>
      <c r="C653" s="8" t="s">
        <v>2914</v>
      </c>
      <c r="D653" s="8">
        <v>1555</v>
      </c>
      <c r="E653" s="3" t="s">
        <v>3155</v>
      </c>
      <c r="F653" s="6" t="s">
        <v>3156</v>
      </c>
      <c r="G653" s="3" t="s">
        <v>16</v>
      </c>
      <c r="H653" s="3" t="s">
        <v>30</v>
      </c>
      <c r="I653" s="3" t="s">
        <v>57</v>
      </c>
      <c r="J653" s="3" t="s">
        <v>3157</v>
      </c>
      <c r="K653" s="4">
        <v>43384</v>
      </c>
    </row>
    <row r="654" spans="1:11" ht="30" x14ac:dyDescent="0.25">
      <c r="A654" s="6" t="s">
        <v>3186</v>
      </c>
      <c r="B654" s="8" t="s">
        <v>12</v>
      </c>
      <c r="C654" s="8">
        <v>1795</v>
      </c>
      <c r="D654" s="8">
        <v>1795</v>
      </c>
      <c r="E654" s="3" t="s">
        <v>2520</v>
      </c>
      <c r="F654" s="6" t="s">
        <v>3187</v>
      </c>
      <c r="G654" s="3" t="s">
        <v>16</v>
      </c>
      <c r="H654" s="3" t="s">
        <v>17</v>
      </c>
      <c r="I654" s="3" t="s">
        <v>18</v>
      </c>
      <c r="J654" s="3" t="s">
        <v>3188</v>
      </c>
      <c r="K654" s="4">
        <v>43384</v>
      </c>
    </row>
    <row r="655" spans="1:11" ht="45" x14ac:dyDescent="0.25">
      <c r="A655" s="6" t="s">
        <v>3341</v>
      </c>
      <c r="B655" s="8" t="s">
        <v>12</v>
      </c>
      <c r="C655" s="8">
        <v>1739</v>
      </c>
      <c r="D655" s="8">
        <v>1739</v>
      </c>
      <c r="E655" s="3" t="s">
        <v>3342</v>
      </c>
      <c r="F655" s="6" t="s">
        <v>3343</v>
      </c>
      <c r="G655" s="3" t="s">
        <v>16</v>
      </c>
      <c r="H655" s="3" t="s">
        <v>17</v>
      </c>
      <c r="I655" s="3" t="s">
        <v>18</v>
      </c>
      <c r="J655" s="3" t="s">
        <v>13</v>
      </c>
      <c r="K655" s="4">
        <v>43384</v>
      </c>
    </row>
    <row r="656" spans="1:11" ht="315" x14ac:dyDescent="0.25">
      <c r="A656" s="6" t="s">
        <v>3351</v>
      </c>
      <c r="B656" s="8" t="s">
        <v>12</v>
      </c>
      <c r="C656" s="8" t="s">
        <v>652</v>
      </c>
      <c r="D656" s="8">
        <v>1571</v>
      </c>
      <c r="E656" s="3" t="s">
        <v>3352</v>
      </c>
      <c r="F656" s="6" t="s">
        <v>3353</v>
      </c>
      <c r="G656" s="3" t="s">
        <v>16</v>
      </c>
      <c r="H656" s="3" t="s">
        <v>24</v>
      </c>
      <c r="I656" s="3" t="s">
        <v>171</v>
      </c>
      <c r="J656" s="3"/>
      <c r="K656" s="4">
        <v>43384</v>
      </c>
    </row>
    <row r="657" spans="1:11" ht="30" x14ac:dyDescent="0.25">
      <c r="A657" s="6" t="s">
        <v>3521</v>
      </c>
      <c r="B657" s="8" t="s">
        <v>12</v>
      </c>
      <c r="C657" s="8" t="s">
        <v>3241</v>
      </c>
      <c r="D657" s="8">
        <v>1536</v>
      </c>
      <c r="E657" s="3" t="s">
        <v>2093</v>
      </c>
      <c r="F657" s="6" t="s">
        <v>2193</v>
      </c>
      <c r="G657" s="3" t="s">
        <v>16</v>
      </c>
      <c r="H657" s="3" t="s">
        <v>24</v>
      </c>
      <c r="I657" s="3" t="s">
        <v>52</v>
      </c>
      <c r="J657" s="3" t="s">
        <v>3522</v>
      </c>
      <c r="K657" s="4">
        <v>43384</v>
      </c>
    </row>
    <row r="658" spans="1:11" ht="135" x14ac:dyDescent="0.25">
      <c r="A658" s="6" t="s">
        <v>3613</v>
      </c>
      <c r="B658" s="8" t="s">
        <v>12</v>
      </c>
      <c r="C658" s="8" t="s">
        <v>3614</v>
      </c>
      <c r="D658" s="8">
        <v>1836</v>
      </c>
      <c r="E658" s="3" t="s">
        <v>13</v>
      </c>
      <c r="F658" s="6" t="s">
        <v>3615</v>
      </c>
      <c r="G658" s="3" t="s">
        <v>16</v>
      </c>
      <c r="H658" s="3" t="s">
        <v>17</v>
      </c>
      <c r="I658" s="3" t="s">
        <v>13</v>
      </c>
      <c r="J658" s="3" t="s">
        <v>3616</v>
      </c>
      <c r="K658" s="4">
        <v>43384</v>
      </c>
    </row>
    <row r="659" spans="1:11" x14ac:dyDescent="0.25">
      <c r="A659" s="6" t="s">
        <v>3704</v>
      </c>
      <c r="B659" s="8" t="s">
        <v>12</v>
      </c>
      <c r="C659" s="8">
        <v>1846</v>
      </c>
      <c r="D659" s="8">
        <v>1846</v>
      </c>
      <c r="E659" s="3" t="s">
        <v>13</v>
      </c>
      <c r="F659" s="6" t="s">
        <v>3705</v>
      </c>
      <c r="G659" s="3" t="s">
        <v>16</v>
      </c>
      <c r="H659" s="3" t="s">
        <v>30</v>
      </c>
      <c r="I659" s="3" t="s">
        <v>13</v>
      </c>
      <c r="J659" s="3" t="s">
        <v>13</v>
      </c>
      <c r="K659" s="4">
        <v>43384</v>
      </c>
    </row>
    <row r="660" spans="1:11" ht="30" x14ac:dyDescent="0.25">
      <c r="A660" s="6" t="s">
        <v>3755</v>
      </c>
      <c r="B660" s="8" t="s">
        <v>12</v>
      </c>
      <c r="C660" s="8" t="s">
        <v>88</v>
      </c>
      <c r="D660" s="8">
        <v>1599</v>
      </c>
      <c r="E660" s="3" t="s">
        <v>3756</v>
      </c>
      <c r="F660" s="6" t="s">
        <v>90</v>
      </c>
      <c r="G660" s="3" t="s">
        <v>16</v>
      </c>
      <c r="H660" s="3" t="s">
        <v>24</v>
      </c>
      <c r="I660" s="3" t="s">
        <v>57</v>
      </c>
      <c r="J660" s="3" t="s">
        <v>3757</v>
      </c>
      <c r="K660" s="4">
        <v>43384</v>
      </c>
    </row>
    <row r="661" spans="1:11" ht="60" x14ac:dyDescent="0.25">
      <c r="A661" s="6" t="s">
        <v>3773</v>
      </c>
      <c r="B661" s="8" t="s">
        <v>12</v>
      </c>
      <c r="C661" s="8" t="s">
        <v>615</v>
      </c>
      <c r="D661" s="8">
        <v>1557</v>
      </c>
      <c r="E661" s="3" t="s">
        <v>3774</v>
      </c>
      <c r="F661" s="6" t="s">
        <v>367</v>
      </c>
      <c r="G661" s="3" t="s">
        <v>16</v>
      </c>
      <c r="H661" s="3" t="s">
        <v>302</v>
      </c>
      <c r="I661" s="3" t="s">
        <v>52</v>
      </c>
      <c r="J661" s="3" t="s">
        <v>3775</v>
      </c>
      <c r="K661" s="4">
        <v>43384</v>
      </c>
    </row>
    <row r="662" spans="1:11" ht="30" x14ac:dyDescent="0.25">
      <c r="A662" s="6" t="s">
        <v>3776</v>
      </c>
      <c r="B662" s="8" t="s">
        <v>12</v>
      </c>
      <c r="C662" s="8" t="s">
        <v>3777</v>
      </c>
      <c r="D662" s="8">
        <v>1699</v>
      </c>
      <c r="E662" s="3" t="s">
        <v>3778</v>
      </c>
      <c r="F662" s="6" t="s">
        <v>3779</v>
      </c>
      <c r="G662" s="3" t="s">
        <v>16</v>
      </c>
      <c r="H662" s="3" t="s">
        <v>24</v>
      </c>
      <c r="I662" s="3" t="s">
        <v>57</v>
      </c>
      <c r="J662" s="3" t="s">
        <v>3780</v>
      </c>
      <c r="K662" s="4">
        <v>43384</v>
      </c>
    </row>
    <row r="663" spans="1:11" x14ac:dyDescent="0.25">
      <c r="A663" s="6" t="s">
        <v>3812</v>
      </c>
      <c r="B663" s="8" t="s">
        <v>12</v>
      </c>
      <c r="C663" s="8" t="s">
        <v>13</v>
      </c>
      <c r="D663" s="8">
        <v>1846</v>
      </c>
      <c r="E663" s="3" t="s">
        <v>13</v>
      </c>
      <c r="F663" s="6" t="s">
        <v>3813</v>
      </c>
      <c r="G663" s="3" t="s">
        <v>16</v>
      </c>
      <c r="H663" s="3" t="s">
        <v>17</v>
      </c>
      <c r="I663" s="3" t="s">
        <v>459</v>
      </c>
      <c r="J663" s="3" t="s">
        <v>13</v>
      </c>
      <c r="K663" s="4">
        <v>43384</v>
      </c>
    </row>
    <row r="664" spans="1:11" ht="30" x14ac:dyDescent="0.25">
      <c r="A664" s="6" t="s">
        <v>3838</v>
      </c>
      <c r="B664" s="8" t="s">
        <v>12</v>
      </c>
      <c r="C664" s="8">
        <v>1818</v>
      </c>
      <c r="D664" s="8">
        <v>1818</v>
      </c>
      <c r="E664" s="3" t="s">
        <v>3839</v>
      </c>
      <c r="F664" s="6" t="s">
        <v>3840</v>
      </c>
      <c r="G664" s="3" t="s">
        <v>16</v>
      </c>
      <c r="H664" s="3" t="s">
        <v>17</v>
      </c>
      <c r="I664" s="3" t="s">
        <v>138</v>
      </c>
      <c r="J664" s="3" t="s">
        <v>3841</v>
      </c>
      <c r="K664" s="4">
        <v>43384</v>
      </c>
    </row>
    <row r="665" spans="1:11" ht="45" x14ac:dyDescent="0.25">
      <c r="A665" s="6" t="s">
        <v>3984</v>
      </c>
      <c r="B665" s="8" t="s">
        <v>12</v>
      </c>
      <c r="C665" s="8" t="s">
        <v>3985</v>
      </c>
      <c r="D665" s="8">
        <v>1541</v>
      </c>
      <c r="E665" s="3" t="s">
        <v>3986</v>
      </c>
      <c r="F665" s="6" t="s">
        <v>3987</v>
      </c>
      <c r="G665" s="3" t="s">
        <v>16</v>
      </c>
      <c r="H665" s="3" t="s">
        <v>24</v>
      </c>
      <c r="I665" s="3" t="s">
        <v>57</v>
      </c>
      <c r="J665" s="3" t="s">
        <v>3988</v>
      </c>
      <c r="K665" s="4">
        <v>43384</v>
      </c>
    </row>
    <row r="666" spans="1:11" ht="45" x14ac:dyDescent="0.25">
      <c r="A666" s="6" t="s">
        <v>4202</v>
      </c>
      <c r="B666" s="8" t="s">
        <v>12</v>
      </c>
      <c r="C666" s="8" t="s">
        <v>4203</v>
      </c>
      <c r="D666" s="8">
        <v>1789</v>
      </c>
      <c r="E666" s="3" t="s">
        <v>4204</v>
      </c>
      <c r="F666" s="6" t="s">
        <v>4205</v>
      </c>
      <c r="G666" s="3" t="s">
        <v>16</v>
      </c>
      <c r="H666" s="3" t="s">
        <v>17</v>
      </c>
      <c r="I666" s="3" t="s">
        <v>18</v>
      </c>
      <c r="J666" s="3" t="s">
        <v>4206</v>
      </c>
      <c r="K666" s="4">
        <v>43384</v>
      </c>
    </row>
    <row r="667" spans="1:11" ht="60" x14ac:dyDescent="0.25">
      <c r="A667" s="6" t="s">
        <v>4237</v>
      </c>
      <c r="B667" s="8" t="s">
        <v>12</v>
      </c>
      <c r="C667" s="8">
        <v>1752</v>
      </c>
      <c r="D667" s="8">
        <v>1752</v>
      </c>
      <c r="E667" s="3" t="s">
        <v>4238</v>
      </c>
      <c r="F667" s="6" t="s">
        <v>4239</v>
      </c>
      <c r="G667" s="3" t="s">
        <v>16</v>
      </c>
      <c r="H667" s="3" t="s">
        <v>17</v>
      </c>
      <c r="I667" s="3" t="s">
        <v>18</v>
      </c>
      <c r="J667" s="3" t="s">
        <v>4240</v>
      </c>
      <c r="K667" s="4">
        <v>43384</v>
      </c>
    </row>
    <row r="668" spans="1:11" ht="90" x14ac:dyDescent="0.25">
      <c r="A668" s="6" t="s">
        <v>4291</v>
      </c>
      <c r="B668" s="8" t="s">
        <v>12</v>
      </c>
      <c r="C668" s="8" t="s">
        <v>620</v>
      </c>
      <c r="D668" s="8">
        <v>1770</v>
      </c>
      <c r="E668" s="3" t="s">
        <v>4292</v>
      </c>
      <c r="F668" s="6" t="s">
        <v>441</v>
      </c>
      <c r="G668" s="3" t="s">
        <v>16</v>
      </c>
      <c r="H668" s="3" t="s">
        <v>24</v>
      </c>
      <c r="I668" s="3" t="s">
        <v>809</v>
      </c>
      <c r="J668" s="3" t="s">
        <v>4293</v>
      </c>
      <c r="K668" s="4">
        <v>43384</v>
      </c>
    </row>
    <row r="669" spans="1:11" ht="75" x14ac:dyDescent="0.25">
      <c r="A669" s="6" t="s">
        <v>4416</v>
      </c>
      <c r="B669" s="8" t="s">
        <v>12</v>
      </c>
      <c r="C669" s="8">
        <v>1815</v>
      </c>
      <c r="D669" s="8">
        <v>1815</v>
      </c>
      <c r="E669" s="3" t="s">
        <v>4417</v>
      </c>
      <c r="F669" s="6" t="s">
        <v>4418</v>
      </c>
      <c r="G669" s="3" t="s">
        <v>16</v>
      </c>
      <c r="H669" s="3" t="s">
        <v>17</v>
      </c>
      <c r="I669" s="3" t="s">
        <v>1820</v>
      </c>
      <c r="J669" s="3" t="s">
        <v>4419</v>
      </c>
      <c r="K669" s="4">
        <v>43384</v>
      </c>
    </row>
    <row r="670" spans="1:11" ht="60" x14ac:dyDescent="0.25">
      <c r="A670" s="6" t="s">
        <v>4420</v>
      </c>
      <c r="B670" s="8" t="s">
        <v>12</v>
      </c>
      <c r="C670" s="8">
        <v>1595</v>
      </c>
      <c r="D670" s="8">
        <v>1595</v>
      </c>
      <c r="E670" s="3" t="s">
        <v>4421</v>
      </c>
      <c r="F670" s="6" t="s">
        <v>367</v>
      </c>
      <c r="G670" s="3" t="s">
        <v>16</v>
      </c>
      <c r="H670" s="3" t="s">
        <v>24</v>
      </c>
      <c r="I670" s="3" t="s">
        <v>57</v>
      </c>
      <c r="J670" s="3" t="s">
        <v>4422</v>
      </c>
      <c r="K670" s="4">
        <v>43384</v>
      </c>
    </row>
    <row r="671" spans="1:11" ht="120" x14ac:dyDescent="0.25">
      <c r="A671" s="6" t="s">
        <v>4456</v>
      </c>
      <c r="B671" s="8" t="s">
        <v>12</v>
      </c>
      <c r="C671" s="8" t="s">
        <v>855</v>
      </c>
      <c r="D671" s="8">
        <v>1558</v>
      </c>
      <c r="E671" s="3" t="s">
        <v>4457</v>
      </c>
      <c r="F671" s="6" t="s">
        <v>4458</v>
      </c>
      <c r="G671" s="3" t="s">
        <v>16</v>
      </c>
      <c r="H671" s="3" t="s">
        <v>538</v>
      </c>
      <c r="I671" s="3" t="s">
        <v>57</v>
      </c>
      <c r="J671" s="3" t="s">
        <v>13</v>
      </c>
      <c r="K671" s="4">
        <v>43384</v>
      </c>
    </row>
    <row r="672" spans="1:11" ht="90" x14ac:dyDescent="0.25">
      <c r="A672" s="6" t="s">
        <v>4488</v>
      </c>
      <c r="B672" s="8" t="s">
        <v>12</v>
      </c>
      <c r="C672" s="8">
        <v>1765</v>
      </c>
      <c r="D672" s="8">
        <v>1765</v>
      </c>
      <c r="E672" s="3" t="s">
        <v>2176</v>
      </c>
      <c r="F672" s="6" t="s">
        <v>441</v>
      </c>
      <c r="G672" s="3" t="s">
        <v>16</v>
      </c>
      <c r="H672" s="3" t="s">
        <v>170</v>
      </c>
      <c r="I672" s="3" t="s">
        <v>18</v>
      </c>
      <c r="J672" s="3" t="s">
        <v>2178</v>
      </c>
      <c r="K672" s="4">
        <v>43384</v>
      </c>
    </row>
    <row r="673" spans="1:11" x14ac:dyDescent="0.25">
      <c r="A673" s="6" t="s">
        <v>4568</v>
      </c>
      <c r="B673" s="8" t="s">
        <v>12</v>
      </c>
      <c r="C673" s="8">
        <v>1826</v>
      </c>
      <c r="D673" s="8">
        <v>1826</v>
      </c>
      <c r="E673" s="3" t="s">
        <v>4569</v>
      </c>
      <c r="F673" s="6" t="s">
        <v>4570</v>
      </c>
      <c r="G673" s="3" t="s">
        <v>16</v>
      </c>
      <c r="H673" s="3" t="s">
        <v>24</v>
      </c>
      <c r="I673" s="3" t="s">
        <v>809</v>
      </c>
      <c r="J673" s="3" t="s">
        <v>4571</v>
      </c>
      <c r="K673" s="4">
        <v>43384</v>
      </c>
    </row>
    <row r="674" spans="1:11" x14ac:dyDescent="0.25">
      <c r="A674" s="6" t="s">
        <v>4595</v>
      </c>
      <c r="B674" s="8" t="s">
        <v>12</v>
      </c>
      <c r="C674" s="8" t="s">
        <v>439</v>
      </c>
      <c r="D674" s="8">
        <v>1771</v>
      </c>
      <c r="E674" s="3" t="s">
        <v>4596</v>
      </c>
      <c r="F674" s="6" t="s">
        <v>4597</v>
      </c>
      <c r="G674" s="3" t="s">
        <v>16</v>
      </c>
      <c r="H674" s="3" t="s">
        <v>17</v>
      </c>
      <c r="I674" s="3" t="s">
        <v>18</v>
      </c>
      <c r="J674" s="3" t="s">
        <v>4598</v>
      </c>
      <c r="K674" s="4">
        <v>43384</v>
      </c>
    </row>
    <row r="675" spans="1:11" ht="30" x14ac:dyDescent="0.25">
      <c r="A675" s="6" t="s">
        <v>4703</v>
      </c>
      <c r="B675" s="8" t="s">
        <v>12</v>
      </c>
      <c r="C675" s="8">
        <v>1895</v>
      </c>
      <c r="D675" s="8">
        <v>1895</v>
      </c>
      <c r="E675" s="3" t="s">
        <v>4704</v>
      </c>
      <c r="F675" s="6" t="s">
        <v>4705</v>
      </c>
      <c r="G675" s="3" t="s">
        <v>16</v>
      </c>
      <c r="H675" s="3" t="s">
        <v>244</v>
      </c>
      <c r="I675" s="3" t="s">
        <v>4706</v>
      </c>
      <c r="J675" s="3" t="s">
        <v>4707</v>
      </c>
      <c r="K675" s="4">
        <v>43384</v>
      </c>
    </row>
    <row r="676" spans="1:11" ht="30" x14ac:dyDescent="0.25">
      <c r="A676" s="6" t="s">
        <v>4716</v>
      </c>
      <c r="B676" s="8" t="s">
        <v>12</v>
      </c>
      <c r="C676" s="8" t="s">
        <v>4671</v>
      </c>
      <c r="D676" s="8">
        <v>1758</v>
      </c>
      <c r="E676" s="3" t="s">
        <v>4717</v>
      </c>
      <c r="F676" s="6" t="s">
        <v>4718</v>
      </c>
      <c r="G676" s="3" t="s">
        <v>16</v>
      </c>
      <c r="H676" s="3" t="s">
        <v>17</v>
      </c>
      <c r="I676" s="3" t="s">
        <v>350</v>
      </c>
      <c r="J676" s="3" t="s">
        <v>4719</v>
      </c>
      <c r="K676" s="4">
        <v>43384</v>
      </c>
    </row>
    <row r="677" spans="1:11" ht="45" x14ac:dyDescent="0.25">
      <c r="A677" s="6" t="s">
        <v>4731</v>
      </c>
      <c r="B677" s="8" t="s">
        <v>12</v>
      </c>
      <c r="C677" s="8" t="s">
        <v>4732</v>
      </c>
      <c r="D677" s="8">
        <v>1678</v>
      </c>
      <c r="E677" s="3" t="s">
        <v>2233</v>
      </c>
      <c r="F677" s="6" t="s">
        <v>4733</v>
      </c>
      <c r="G677" s="3" t="s">
        <v>16</v>
      </c>
      <c r="H677" s="3" t="s">
        <v>24</v>
      </c>
      <c r="I677" s="3" t="s">
        <v>57</v>
      </c>
      <c r="J677" s="3" t="s">
        <v>13</v>
      </c>
      <c r="K677" s="4">
        <v>43384</v>
      </c>
    </row>
    <row r="678" spans="1:11" ht="120" x14ac:dyDescent="0.25">
      <c r="A678" s="6" t="s">
        <v>4552</v>
      </c>
      <c r="B678" s="8" t="s">
        <v>12</v>
      </c>
      <c r="C678" s="8" t="s">
        <v>331</v>
      </c>
      <c r="D678" s="8">
        <v>1664</v>
      </c>
      <c r="E678" s="3" t="s">
        <v>4803</v>
      </c>
      <c r="F678" s="6" t="s">
        <v>4804</v>
      </c>
      <c r="G678" s="3" t="s">
        <v>16</v>
      </c>
      <c r="H678" s="3" t="s">
        <v>24</v>
      </c>
      <c r="I678" s="3" t="s">
        <v>57</v>
      </c>
      <c r="J678" s="3" t="s">
        <v>13</v>
      </c>
      <c r="K678" s="4">
        <v>43384</v>
      </c>
    </row>
    <row r="679" spans="1:11" ht="30" x14ac:dyDescent="0.25">
      <c r="A679" s="6" t="s">
        <v>4859</v>
      </c>
      <c r="B679" s="8" t="s">
        <v>12</v>
      </c>
      <c r="C679" s="8">
        <v>1815</v>
      </c>
      <c r="D679" s="8">
        <v>1815</v>
      </c>
      <c r="E679" s="3" t="s">
        <v>4860</v>
      </c>
      <c r="F679" s="6" t="s">
        <v>4861</v>
      </c>
      <c r="G679" s="3" t="s">
        <v>16</v>
      </c>
      <c r="H679" s="3" t="s">
        <v>17</v>
      </c>
      <c r="I679" s="3" t="s">
        <v>18</v>
      </c>
      <c r="J679" s="3" t="s">
        <v>4862</v>
      </c>
      <c r="K679" s="4">
        <v>43384</v>
      </c>
    </row>
    <row r="680" spans="1:11" ht="30" x14ac:dyDescent="0.25">
      <c r="A680" s="6" t="s">
        <v>4881</v>
      </c>
      <c r="B680" s="8" t="s">
        <v>12</v>
      </c>
      <c r="C680" s="8" t="s">
        <v>13</v>
      </c>
      <c r="D680" s="8">
        <v>1850</v>
      </c>
      <c r="E680" s="3" t="s">
        <v>4882</v>
      </c>
      <c r="F680" s="6" t="s">
        <v>4883</v>
      </c>
      <c r="G680" s="3" t="s">
        <v>16</v>
      </c>
      <c r="H680" s="3" t="s">
        <v>17</v>
      </c>
      <c r="I680" s="3" t="s">
        <v>18</v>
      </c>
      <c r="J680" s="3" t="s">
        <v>548</v>
      </c>
      <c r="K680" s="4">
        <v>43384</v>
      </c>
    </row>
    <row r="681" spans="1:11" x14ac:dyDescent="0.25">
      <c r="A681" s="6" t="s">
        <v>4899</v>
      </c>
      <c r="B681" s="8" t="s">
        <v>12</v>
      </c>
      <c r="C681" s="8" t="s">
        <v>13</v>
      </c>
      <c r="D681" s="8">
        <v>1812</v>
      </c>
      <c r="E681" s="3" t="s">
        <v>4208</v>
      </c>
      <c r="F681" s="6" t="s">
        <v>4900</v>
      </c>
      <c r="G681" s="3" t="s">
        <v>16</v>
      </c>
      <c r="H681" s="3" t="s">
        <v>17</v>
      </c>
      <c r="I681" s="3" t="s">
        <v>250</v>
      </c>
      <c r="J681" s="3" t="s">
        <v>4901</v>
      </c>
      <c r="K681" s="4">
        <v>43384</v>
      </c>
    </row>
    <row r="682" spans="1:11" ht="75" x14ac:dyDescent="0.25">
      <c r="A682" s="6" t="s">
        <v>4912</v>
      </c>
      <c r="B682" s="8" t="s">
        <v>12</v>
      </c>
      <c r="C682" s="8">
        <v>1863</v>
      </c>
      <c r="D682" s="8">
        <v>1863</v>
      </c>
      <c r="E682" s="3" t="s">
        <v>153</v>
      </c>
      <c r="F682" s="6" t="s">
        <v>154</v>
      </c>
      <c r="G682" s="3" t="s">
        <v>16</v>
      </c>
      <c r="H682" s="3" t="s">
        <v>17</v>
      </c>
      <c r="I682" s="3" t="s">
        <v>18</v>
      </c>
      <c r="J682" s="3" t="s">
        <v>13</v>
      </c>
      <c r="K682" s="4">
        <v>43384</v>
      </c>
    </row>
    <row r="683" spans="1:11" ht="30" x14ac:dyDescent="0.25">
      <c r="A683" s="6" t="s">
        <v>4965</v>
      </c>
      <c r="B683" s="8" t="s">
        <v>12</v>
      </c>
      <c r="C683" s="8" t="s">
        <v>595</v>
      </c>
      <c r="D683" s="8">
        <v>1756</v>
      </c>
      <c r="E683" s="3" t="s">
        <v>1586</v>
      </c>
      <c r="F683" s="6" t="s">
        <v>4966</v>
      </c>
      <c r="G683" s="3" t="s">
        <v>16</v>
      </c>
      <c r="H683" s="3" t="s">
        <v>24</v>
      </c>
      <c r="I683" s="3" t="s">
        <v>18</v>
      </c>
      <c r="J683" s="3" t="s">
        <v>4967</v>
      </c>
      <c r="K683" s="4">
        <v>43384</v>
      </c>
    </row>
    <row r="684" spans="1:11" ht="45" x14ac:dyDescent="0.25">
      <c r="A684" s="6" t="s">
        <v>4982</v>
      </c>
      <c r="B684" s="8" t="s">
        <v>12</v>
      </c>
      <c r="C684" s="8" t="s">
        <v>4983</v>
      </c>
      <c r="D684" s="8" t="s">
        <v>4984</v>
      </c>
      <c r="E684" s="3" t="s">
        <v>13</v>
      </c>
      <c r="F684" s="6" t="s">
        <v>4985</v>
      </c>
      <c r="G684" s="3" t="s">
        <v>16</v>
      </c>
      <c r="H684" s="3" t="s">
        <v>17</v>
      </c>
      <c r="I684" s="3" t="s">
        <v>459</v>
      </c>
      <c r="J684" s="3" t="s">
        <v>13</v>
      </c>
      <c r="K684" s="4">
        <v>43384</v>
      </c>
    </row>
    <row r="685" spans="1:11" ht="120" x14ac:dyDescent="0.25">
      <c r="A685" s="6" t="s">
        <v>5071</v>
      </c>
      <c r="B685" s="8" t="s">
        <v>12</v>
      </c>
      <c r="C685" s="8">
        <v>1847</v>
      </c>
      <c r="D685" s="8">
        <v>1847</v>
      </c>
      <c r="E685" s="3" t="s">
        <v>13</v>
      </c>
      <c r="F685" s="6" t="s">
        <v>5072</v>
      </c>
      <c r="G685" s="3" t="s">
        <v>16</v>
      </c>
      <c r="H685" s="3" t="s">
        <v>17</v>
      </c>
      <c r="I685" s="3" t="s">
        <v>121</v>
      </c>
      <c r="J685" s="3" t="s">
        <v>13</v>
      </c>
      <c r="K685" s="4">
        <v>43384</v>
      </c>
    </row>
    <row r="686" spans="1:11" ht="180" x14ac:dyDescent="0.25">
      <c r="A686" s="6" t="s">
        <v>1043</v>
      </c>
      <c r="B686" s="8" t="s">
        <v>12</v>
      </c>
      <c r="C686" s="8" t="s">
        <v>2826</v>
      </c>
      <c r="D686" s="8">
        <v>1545</v>
      </c>
      <c r="E686" s="3" t="s">
        <v>189</v>
      </c>
      <c r="F686" s="6" t="s">
        <v>190</v>
      </c>
      <c r="G686" s="3" t="s">
        <v>16</v>
      </c>
      <c r="H686" s="3" t="s">
        <v>24</v>
      </c>
      <c r="I686" s="3" t="s">
        <v>182</v>
      </c>
      <c r="J686" s="3" t="s">
        <v>191</v>
      </c>
      <c r="K686" s="4">
        <v>43384</v>
      </c>
    </row>
    <row r="687" spans="1:11" ht="90" x14ac:dyDescent="0.25">
      <c r="A687" s="6" t="s">
        <v>5173</v>
      </c>
      <c r="B687" s="8" t="s">
        <v>12</v>
      </c>
      <c r="C687" s="8" t="s">
        <v>4826</v>
      </c>
      <c r="D687" s="8">
        <v>1764</v>
      </c>
      <c r="E687" s="3" t="s">
        <v>207</v>
      </c>
      <c r="F687" s="6" t="s">
        <v>441</v>
      </c>
      <c r="G687" s="3" t="s">
        <v>16</v>
      </c>
      <c r="H687" s="3" t="s">
        <v>24</v>
      </c>
      <c r="I687" s="3" t="s">
        <v>57</v>
      </c>
      <c r="J687" s="3" t="s">
        <v>5174</v>
      </c>
      <c r="K687" s="4">
        <v>43384</v>
      </c>
    </row>
    <row r="688" spans="1:11" ht="30" x14ac:dyDescent="0.25">
      <c r="A688" s="6" t="s">
        <v>5200</v>
      </c>
      <c r="B688" s="8" t="s">
        <v>12</v>
      </c>
      <c r="C688" s="8">
        <v>1734</v>
      </c>
      <c r="D688" s="8">
        <v>1734</v>
      </c>
      <c r="E688" s="3" t="s">
        <v>5201</v>
      </c>
      <c r="F688" s="6" t="s">
        <v>5202</v>
      </c>
      <c r="G688" s="3" t="s">
        <v>16</v>
      </c>
      <c r="H688" s="3" t="s">
        <v>17</v>
      </c>
      <c r="I688" s="3" t="s">
        <v>18</v>
      </c>
      <c r="J688" s="3" t="s">
        <v>13</v>
      </c>
      <c r="K688" s="4">
        <v>43384</v>
      </c>
    </row>
    <row r="689" spans="1:11" ht="60" x14ac:dyDescent="0.25">
      <c r="A689" s="6" t="s">
        <v>5203</v>
      </c>
      <c r="B689" s="8" t="s">
        <v>12</v>
      </c>
      <c r="C689" s="8" t="s">
        <v>5204</v>
      </c>
      <c r="D689" s="8">
        <v>1596</v>
      </c>
      <c r="E689" s="3" t="s">
        <v>5205</v>
      </c>
      <c r="F689" s="6" t="s">
        <v>367</v>
      </c>
      <c r="G689" s="3" t="s">
        <v>16</v>
      </c>
      <c r="H689" s="3" t="s">
        <v>24</v>
      </c>
      <c r="I689" s="3" t="s">
        <v>57</v>
      </c>
      <c r="J689" s="3" t="s">
        <v>5206</v>
      </c>
      <c r="K689" s="4">
        <v>43384</v>
      </c>
    </row>
    <row r="690" spans="1:11" ht="225" x14ac:dyDescent="0.25">
      <c r="A690" s="6" t="s">
        <v>5253</v>
      </c>
      <c r="B690" s="8" t="s">
        <v>12</v>
      </c>
      <c r="C690" s="8" t="s">
        <v>3692</v>
      </c>
      <c r="D690" s="8">
        <v>1537</v>
      </c>
      <c r="E690" s="3" t="s">
        <v>5254</v>
      </c>
      <c r="F690" s="6" t="s">
        <v>5255</v>
      </c>
      <c r="G690" s="3" t="s">
        <v>16</v>
      </c>
      <c r="H690" s="3" t="s">
        <v>24</v>
      </c>
      <c r="I690" s="3" t="s">
        <v>220</v>
      </c>
      <c r="J690" s="3"/>
      <c r="K690" s="4">
        <v>43384</v>
      </c>
    </row>
    <row r="691" spans="1:11" ht="45" x14ac:dyDescent="0.25">
      <c r="A691" s="6" t="s">
        <v>5274</v>
      </c>
      <c r="B691" s="8" t="s">
        <v>12</v>
      </c>
      <c r="C691" s="8">
        <v>1856</v>
      </c>
      <c r="D691" s="8">
        <v>1856</v>
      </c>
      <c r="E691" s="3" t="s">
        <v>5275</v>
      </c>
      <c r="F691" s="6" t="s">
        <v>5276</v>
      </c>
      <c r="G691" s="3" t="s">
        <v>16</v>
      </c>
      <c r="H691" s="3" t="s">
        <v>17</v>
      </c>
      <c r="I691" s="3" t="s">
        <v>5277</v>
      </c>
      <c r="J691" s="3" t="s">
        <v>5278</v>
      </c>
      <c r="K691" s="4">
        <v>43384</v>
      </c>
    </row>
    <row r="692" spans="1:11" ht="60" x14ac:dyDescent="0.25">
      <c r="A692" s="6" t="s">
        <v>5304</v>
      </c>
      <c r="B692" s="8" t="s">
        <v>12</v>
      </c>
      <c r="C692" s="8" t="s">
        <v>13</v>
      </c>
      <c r="D692" s="8">
        <v>1807</v>
      </c>
      <c r="E692" s="3" t="s">
        <v>5305</v>
      </c>
      <c r="F692" s="6" t="s">
        <v>5306</v>
      </c>
      <c r="G692" s="3" t="s">
        <v>16</v>
      </c>
      <c r="H692" s="3" t="s">
        <v>17</v>
      </c>
      <c r="I692" s="3" t="s">
        <v>18</v>
      </c>
      <c r="J692" s="3" t="s">
        <v>2780</v>
      </c>
      <c r="K692" s="4">
        <v>43384</v>
      </c>
    </row>
    <row r="693" spans="1:11" ht="30" x14ac:dyDescent="0.25">
      <c r="A693" s="6" t="s">
        <v>5307</v>
      </c>
      <c r="B693" s="8" t="s">
        <v>12</v>
      </c>
      <c r="C693" s="8" t="s">
        <v>13</v>
      </c>
      <c r="D693" s="8">
        <v>1746</v>
      </c>
      <c r="E693" s="3" t="s">
        <v>5308</v>
      </c>
      <c r="F693" s="6" t="s">
        <v>5309</v>
      </c>
      <c r="G693" s="3" t="s">
        <v>16</v>
      </c>
      <c r="H693" s="3" t="s">
        <v>17</v>
      </c>
      <c r="I693" s="3" t="s">
        <v>18</v>
      </c>
      <c r="J693" s="3" t="s">
        <v>5310</v>
      </c>
      <c r="K693" s="4">
        <v>43384</v>
      </c>
    </row>
    <row r="694" spans="1:11" ht="30" x14ac:dyDescent="0.25">
      <c r="A694" s="6" t="s">
        <v>5380</v>
      </c>
      <c r="B694" s="8" t="s">
        <v>12</v>
      </c>
      <c r="C694" s="8" t="s">
        <v>5381</v>
      </c>
      <c r="D694" s="8">
        <v>1705</v>
      </c>
      <c r="E694" s="3" t="s">
        <v>5382</v>
      </c>
      <c r="F694" s="6" t="s">
        <v>5383</v>
      </c>
      <c r="G694" s="3" t="s">
        <v>16</v>
      </c>
      <c r="H694" s="3" t="s">
        <v>24</v>
      </c>
      <c r="I694" s="3" t="s">
        <v>57</v>
      </c>
      <c r="J694" s="3" t="s">
        <v>5384</v>
      </c>
      <c r="K694" s="4">
        <v>43384</v>
      </c>
    </row>
    <row r="695" spans="1:11" ht="315" x14ac:dyDescent="0.25">
      <c r="A695" s="6" t="s">
        <v>5454</v>
      </c>
      <c r="B695" s="8" t="s">
        <v>12</v>
      </c>
      <c r="C695" s="8" t="s">
        <v>13</v>
      </c>
      <c r="D695" s="8">
        <v>1518</v>
      </c>
      <c r="E695" s="3" t="s">
        <v>5455</v>
      </c>
      <c r="F695" s="6" t="s">
        <v>5456</v>
      </c>
      <c r="G695" s="3" t="s">
        <v>16</v>
      </c>
      <c r="H695" s="3" t="s">
        <v>30</v>
      </c>
      <c r="I695" s="3" t="s">
        <v>858</v>
      </c>
      <c r="J695" s="3" t="s">
        <v>5457</v>
      </c>
      <c r="K695" s="4">
        <v>43384</v>
      </c>
    </row>
    <row r="696" spans="1:11" ht="60" x14ac:dyDescent="0.25">
      <c r="A696" s="6" t="s">
        <v>5479</v>
      </c>
      <c r="B696" s="8" t="s">
        <v>12</v>
      </c>
      <c r="C696" s="8" t="s">
        <v>13</v>
      </c>
      <c r="D696" s="8">
        <v>1855</v>
      </c>
      <c r="E696" s="3" t="s">
        <v>13</v>
      </c>
      <c r="F696" s="6" t="s">
        <v>5480</v>
      </c>
      <c r="G696" s="3" t="s">
        <v>16</v>
      </c>
      <c r="H696" s="3" t="s">
        <v>17</v>
      </c>
      <c r="I696" s="3" t="s">
        <v>250</v>
      </c>
      <c r="J696" s="3" t="s">
        <v>5481</v>
      </c>
      <c r="K696" s="4">
        <v>43384</v>
      </c>
    </row>
    <row r="697" spans="1:11" ht="30" x14ac:dyDescent="0.25">
      <c r="A697" s="6" t="s">
        <v>5514</v>
      </c>
      <c r="B697" s="8" t="s">
        <v>12</v>
      </c>
      <c r="C697" s="8" t="s">
        <v>1063</v>
      </c>
      <c r="D697" s="8">
        <v>1560</v>
      </c>
      <c r="E697" s="3" t="s">
        <v>13</v>
      </c>
      <c r="F697" s="6" t="s">
        <v>5515</v>
      </c>
      <c r="G697" s="3" t="s">
        <v>16</v>
      </c>
      <c r="H697" s="3" t="s">
        <v>24</v>
      </c>
      <c r="I697" s="3" t="s">
        <v>57</v>
      </c>
      <c r="J697" s="3" t="s">
        <v>5516</v>
      </c>
      <c r="K697" s="4">
        <v>43384</v>
      </c>
    </row>
    <row r="698" spans="1:11" ht="60" x14ac:dyDescent="0.25">
      <c r="A698" s="6" t="s">
        <v>5590</v>
      </c>
      <c r="B698" s="8" t="s">
        <v>12</v>
      </c>
      <c r="C698" s="8">
        <v>1796</v>
      </c>
      <c r="D698" s="8">
        <v>1796</v>
      </c>
      <c r="E698" s="3" t="s">
        <v>5591</v>
      </c>
      <c r="F698" s="6" t="s">
        <v>5592</v>
      </c>
      <c r="G698" s="3" t="s">
        <v>16</v>
      </c>
      <c r="H698" s="3" t="s">
        <v>17</v>
      </c>
      <c r="I698" s="3" t="s">
        <v>1820</v>
      </c>
      <c r="J698" s="3" t="s">
        <v>5593</v>
      </c>
      <c r="K698" s="4">
        <v>43384</v>
      </c>
    </row>
    <row r="699" spans="1:11" ht="90" x14ac:dyDescent="0.25">
      <c r="A699" s="6" t="s">
        <v>5645</v>
      </c>
      <c r="B699" s="8" t="s">
        <v>12</v>
      </c>
      <c r="C699" s="8" t="s">
        <v>13</v>
      </c>
      <c r="D699" s="8">
        <v>1525</v>
      </c>
      <c r="E699" s="3" t="s">
        <v>5646</v>
      </c>
      <c r="F699" s="6" t="s">
        <v>5647</v>
      </c>
      <c r="G699" s="3" t="s">
        <v>16</v>
      </c>
      <c r="H699" s="3" t="s">
        <v>24</v>
      </c>
      <c r="I699" s="3" t="s">
        <v>858</v>
      </c>
      <c r="J699" s="3" t="s">
        <v>5648</v>
      </c>
      <c r="K699" s="4">
        <v>43384</v>
      </c>
    </row>
    <row r="700" spans="1:11" ht="75" x14ac:dyDescent="0.25">
      <c r="A700" s="6" t="s">
        <v>5732</v>
      </c>
      <c r="B700" s="8" t="s">
        <v>12</v>
      </c>
      <c r="C700" s="8">
        <v>1818</v>
      </c>
      <c r="D700" s="8">
        <v>1818</v>
      </c>
      <c r="E700" s="3" t="s">
        <v>5733</v>
      </c>
      <c r="F700" s="6" t="s">
        <v>5734</v>
      </c>
      <c r="G700" s="3" t="s">
        <v>16</v>
      </c>
      <c r="H700" s="3" t="s">
        <v>17</v>
      </c>
      <c r="I700" s="3" t="s">
        <v>18</v>
      </c>
      <c r="J700" s="3" t="s">
        <v>5735</v>
      </c>
      <c r="K700" s="4">
        <v>43384</v>
      </c>
    </row>
    <row r="701" spans="1:11" ht="30" x14ac:dyDescent="0.25">
      <c r="A701" s="6" t="s">
        <v>134</v>
      </c>
      <c r="B701" s="8" t="s">
        <v>12</v>
      </c>
      <c r="C701" s="8" t="s">
        <v>135</v>
      </c>
      <c r="D701" s="8">
        <v>1730</v>
      </c>
      <c r="E701" s="3" t="s">
        <v>136</v>
      </c>
      <c r="F701" s="6" t="s">
        <v>137</v>
      </c>
      <c r="G701" s="3" t="s">
        <v>16</v>
      </c>
      <c r="H701" s="3" t="s">
        <v>17</v>
      </c>
      <c r="I701" s="3" t="s">
        <v>138</v>
      </c>
      <c r="J701" s="3" t="s">
        <v>139</v>
      </c>
      <c r="K701" s="4">
        <v>43383</v>
      </c>
    </row>
    <row r="702" spans="1:11" ht="120" x14ac:dyDescent="0.25">
      <c r="A702" s="6" t="s">
        <v>184</v>
      </c>
      <c r="B702" s="8" t="s">
        <v>12</v>
      </c>
      <c r="C702" s="8">
        <v>1639</v>
      </c>
      <c r="D702" s="8">
        <v>1639</v>
      </c>
      <c r="E702" s="3" t="s">
        <v>185</v>
      </c>
      <c r="F702" s="6" t="s">
        <v>186</v>
      </c>
      <c r="G702" s="3" t="s">
        <v>16</v>
      </c>
      <c r="H702" s="3" t="s">
        <v>24</v>
      </c>
      <c r="I702" s="3" t="s">
        <v>18</v>
      </c>
      <c r="J702" s="3" t="s">
        <v>13</v>
      </c>
      <c r="K702" s="4">
        <v>43383</v>
      </c>
    </row>
    <row r="703" spans="1:11" ht="30" x14ac:dyDescent="0.25">
      <c r="A703" s="6" t="s">
        <v>260</v>
      </c>
      <c r="B703" s="8" t="s">
        <v>12</v>
      </c>
      <c r="C703" s="8" t="s">
        <v>261</v>
      </c>
      <c r="D703" s="8">
        <v>1538</v>
      </c>
      <c r="E703" s="3" t="s">
        <v>262</v>
      </c>
      <c r="F703" s="6" t="s">
        <v>263</v>
      </c>
      <c r="G703" s="3" t="s">
        <v>16</v>
      </c>
      <c r="H703" s="3" t="s">
        <v>24</v>
      </c>
      <c r="I703" s="3" t="s">
        <v>264</v>
      </c>
      <c r="J703" s="3"/>
      <c r="K703" s="4">
        <v>43383</v>
      </c>
    </row>
    <row r="704" spans="1:11" ht="45" x14ac:dyDescent="0.25">
      <c r="A704" s="6" t="s">
        <v>574</v>
      </c>
      <c r="B704" s="8" t="s">
        <v>12</v>
      </c>
      <c r="C704" s="8" t="s">
        <v>575</v>
      </c>
      <c r="D704" s="8">
        <v>1749</v>
      </c>
      <c r="E704" s="3" t="s">
        <v>576</v>
      </c>
      <c r="F704" s="6" t="s">
        <v>577</v>
      </c>
      <c r="G704" s="3" t="s">
        <v>16</v>
      </c>
      <c r="H704" s="3" t="s">
        <v>17</v>
      </c>
      <c r="I704" s="3" t="s">
        <v>18</v>
      </c>
      <c r="J704" s="3" t="s">
        <v>578</v>
      </c>
      <c r="K704" s="4">
        <v>43383</v>
      </c>
    </row>
    <row r="705" spans="1:11" ht="75" x14ac:dyDescent="0.25">
      <c r="A705" s="6" t="s">
        <v>589</v>
      </c>
      <c r="B705" s="8" t="s">
        <v>12</v>
      </c>
      <c r="C705" s="8" t="s">
        <v>590</v>
      </c>
      <c r="D705" s="8">
        <v>1596</v>
      </c>
      <c r="E705" s="3" t="s">
        <v>591</v>
      </c>
      <c r="F705" s="6" t="s">
        <v>592</v>
      </c>
      <c r="G705" s="3" t="s">
        <v>16</v>
      </c>
      <c r="H705" s="3" t="s">
        <v>30</v>
      </c>
      <c r="I705" s="3" t="s">
        <v>57</v>
      </c>
      <c r="J705" s="3" t="s">
        <v>593</v>
      </c>
      <c r="K705" s="4">
        <v>43383</v>
      </c>
    </row>
    <row r="706" spans="1:11" ht="90" x14ac:dyDescent="0.25">
      <c r="A706" s="6" t="s">
        <v>619</v>
      </c>
      <c r="B706" s="8" t="s">
        <v>12</v>
      </c>
      <c r="C706" s="8" t="s">
        <v>620</v>
      </c>
      <c r="D706" s="8">
        <v>1770</v>
      </c>
      <c r="E706" s="3" t="s">
        <v>621</v>
      </c>
      <c r="F706" s="6" t="s">
        <v>622</v>
      </c>
      <c r="G706" s="3" t="s">
        <v>16</v>
      </c>
      <c r="H706" s="3" t="s">
        <v>17</v>
      </c>
      <c r="I706" s="3" t="s">
        <v>18</v>
      </c>
      <c r="J706" s="3" t="s">
        <v>623</v>
      </c>
      <c r="K706" s="4">
        <v>43383</v>
      </c>
    </row>
    <row r="707" spans="1:11" ht="30" x14ac:dyDescent="0.25">
      <c r="A707" s="6" t="s">
        <v>703</v>
      </c>
      <c r="B707" s="8" t="s">
        <v>12</v>
      </c>
      <c r="C707" s="8" t="s">
        <v>704</v>
      </c>
      <c r="D707" s="8">
        <v>1740</v>
      </c>
      <c r="E707" s="3" t="s">
        <v>705</v>
      </c>
      <c r="F707" s="6" t="s">
        <v>706</v>
      </c>
      <c r="G707" s="3" t="s">
        <v>16</v>
      </c>
      <c r="H707" s="3" t="s">
        <v>17</v>
      </c>
      <c r="I707" s="3" t="s">
        <v>18</v>
      </c>
      <c r="J707" s="3" t="s">
        <v>707</v>
      </c>
      <c r="K707" s="4">
        <v>43383</v>
      </c>
    </row>
    <row r="708" spans="1:11" x14ac:dyDescent="0.25">
      <c r="A708" s="6" t="s">
        <v>762</v>
      </c>
      <c r="B708" s="8" t="s">
        <v>12</v>
      </c>
      <c r="C708" s="8">
        <v>1735</v>
      </c>
      <c r="D708" s="8">
        <v>1735</v>
      </c>
      <c r="E708" s="3" t="s">
        <v>763</v>
      </c>
      <c r="F708" s="6" t="s">
        <v>764</v>
      </c>
      <c r="G708" s="3" t="s">
        <v>16</v>
      </c>
      <c r="H708" s="3" t="s">
        <v>17</v>
      </c>
      <c r="I708" s="3" t="s">
        <v>18</v>
      </c>
      <c r="J708" s="3" t="s">
        <v>765</v>
      </c>
      <c r="K708" s="4">
        <v>43383</v>
      </c>
    </row>
    <row r="709" spans="1:11" x14ac:dyDescent="0.25">
      <c r="A709" s="6" t="s">
        <v>795</v>
      </c>
      <c r="B709" s="8" t="s">
        <v>12</v>
      </c>
      <c r="C709" s="8">
        <v>1835</v>
      </c>
      <c r="D709" s="8">
        <v>1835</v>
      </c>
      <c r="E709" s="3" t="s">
        <v>796</v>
      </c>
      <c r="F709" s="6" t="s">
        <v>797</v>
      </c>
      <c r="G709" s="3" t="s">
        <v>16</v>
      </c>
      <c r="H709" s="3" t="s">
        <v>17</v>
      </c>
      <c r="I709" s="3" t="s">
        <v>176</v>
      </c>
      <c r="J709" s="3" t="s">
        <v>798</v>
      </c>
      <c r="K709" s="4">
        <v>43383</v>
      </c>
    </row>
    <row r="710" spans="1:11" ht="90" x14ac:dyDescent="0.25">
      <c r="A710" s="6" t="s">
        <v>811</v>
      </c>
      <c r="B710" s="8" t="s">
        <v>12</v>
      </c>
      <c r="C710" s="8" t="s">
        <v>34</v>
      </c>
      <c r="D710" s="8">
        <v>1772</v>
      </c>
      <c r="E710" s="3" t="s">
        <v>812</v>
      </c>
      <c r="F710" s="6" t="s">
        <v>441</v>
      </c>
      <c r="G710" s="3" t="s">
        <v>16</v>
      </c>
      <c r="H710" s="3" t="s">
        <v>24</v>
      </c>
      <c r="I710" s="3" t="s">
        <v>18</v>
      </c>
      <c r="J710" s="3" t="s">
        <v>813</v>
      </c>
      <c r="K710" s="4">
        <v>43383</v>
      </c>
    </row>
    <row r="711" spans="1:11" ht="150" x14ac:dyDescent="0.25">
      <c r="A711" s="6" t="s">
        <v>836</v>
      </c>
      <c r="B711" s="8" t="s">
        <v>12</v>
      </c>
      <c r="C711" s="8" t="s">
        <v>837</v>
      </c>
      <c r="D711" s="8">
        <v>1833</v>
      </c>
      <c r="E711" s="3" t="s">
        <v>838</v>
      </c>
      <c r="F711" s="6" t="s">
        <v>839</v>
      </c>
      <c r="G711" s="3" t="s">
        <v>16</v>
      </c>
      <c r="H711" s="3" t="s">
        <v>24</v>
      </c>
      <c r="I711" s="3" t="s">
        <v>57</v>
      </c>
      <c r="J711" s="3" t="s">
        <v>840</v>
      </c>
      <c r="K711" s="4">
        <v>43383</v>
      </c>
    </row>
    <row r="712" spans="1:11" ht="30" x14ac:dyDescent="0.25">
      <c r="A712" s="6" t="s">
        <v>885</v>
      </c>
      <c r="B712" s="8" t="s">
        <v>12</v>
      </c>
      <c r="C712" s="8">
        <v>1847</v>
      </c>
      <c r="D712" s="8">
        <v>1847</v>
      </c>
      <c r="E712" s="3" t="s">
        <v>886</v>
      </c>
      <c r="F712" s="6" t="s">
        <v>887</v>
      </c>
      <c r="G712" s="3" t="s">
        <v>16</v>
      </c>
      <c r="H712" s="3" t="s">
        <v>17</v>
      </c>
      <c r="I712" s="3" t="s">
        <v>18</v>
      </c>
      <c r="J712" s="3" t="s">
        <v>888</v>
      </c>
      <c r="K712" s="4">
        <v>43383</v>
      </c>
    </row>
    <row r="713" spans="1:11" ht="60" x14ac:dyDescent="0.25">
      <c r="A713" s="6" t="s">
        <v>1119</v>
      </c>
      <c r="B713" s="8" t="s">
        <v>12</v>
      </c>
      <c r="C713" s="8" t="s">
        <v>1120</v>
      </c>
      <c r="D713" s="8" t="s">
        <v>1121</v>
      </c>
      <c r="E713" s="3" t="s">
        <v>1122</v>
      </c>
      <c r="F713" s="6" t="s">
        <v>1123</v>
      </c>
      <c r="G713" s="3" t="s">
        <v>16</v>
      </c>
      <c r="H713" s="3" t="s">
        <v>17</v>
      </c>
      <c r="I713" s="3" t="s">
        <v>18</v>
      </c>
      <c r="J713" s="3" t="s">
        <v>1124</v>
      </c>
      <c r="K713" s="4">
        <v>43383</v>
      </c>
    </row>
    <row r="714" spans="1:11" ht="60" x14ac:dyDescent="0.25">
      <c r="A714" s="6" t="s">
        <v>1130</v>
      </c>
      <c r="B714" s="8" t="s">
        <v>12</v>
      </c>
      <c r="C714" s="8">
        <v>1854</v>
      </c>
      <c r="D714" s="8">
        <v>1854</v>
      </c>
      <c r="E714" s="3" t="s">
        <v>277</v>
      </c>
      <c r="F714" s="6" t="s">
        <v>1131</v>
      </c>
      <c r="G714" s="3" t="s">
        <v>16</v>
      </c>
      <c r="H714" s="3" t="s">
        <v>17</v>
      </c>
      <c r="I714" s="3" t="s">
        <v>18</v>
      </c>
      <c r="J714" s="3" t="s">
        <v>1132</v>
      </c>
      <c r="K714" s="4">
        <v>43383</v>
      </c>
    </row>
    <row r="715" spans="1:11" ht="45" x14ac:dyDescent="0.25">
      <c r="A715" s="6" t="s">
        <v>1252</v>
      </c>
      <c r="B715" s="8" t="s">
        <v>12</v>
      </c>
      <c r="C715" s="8">
        <v>1820</v>
      </c>
      <c r="D715" s="8">
        <v>1820</v>
      </c>
      <c r="E715" s="3" t="s">
        <v>1253</v>
      </c>
      <c r="F715" s="6" t="s">
        <v>1254</v>
      </c>
      <c r="G715" s="3" t="s">
        <v>16</v>
      </c>
      <c r="H715" s="3" t="s">
        <v>17</v>
      </c>
      <c r="I715" s="3" t="s">
        <v>18</v>
      </c>
      <c r="J715" s="3" t="s">
        <v>1255</v>
      </c>
      <c r="K715" s="4">
        <v>43383</v>
      </c>
    </row>
    <row r="716" spans="1:11" ht="75" x14ac:dyDescent="0.25">
      <c r="A716" s="6" t="s">
        <v>1409</v>
      </c>
      <c r="B716" s="8" t="s">
        <v>12</v>
      </c>
      <c r="C716" s="8">
        <v>1833</v>
      </c>
      <c r="D716" s="8">
        <v>1833</v>
      </c>
      <c r="E716" s="3" t="s">
        <v>1410</v>
      </c>
      <c r="F716" s="6" t="s">
        <v>1411</v>
      </c>
      <c r="G716" s="3" t="s">
        <v>16</v>
      </c>
      <c r="H716" s="3" t="s">
        <v>17</v>
      </c>
      <c r="I716" s="3" t="s">
        <v>138</v>
      </c>
      <c r="J716" s="3" t="s">
        <v>1412</v>
      </c>
      <c r="K716" s="4">
        <v>43383</v>
      </c>
    </row>
    <row r="717" spans="1:11" x14ac:dyDescent="0.25">
      <c r="A717" s="6" t="s">
        <v>1678</v>
      </c>
      <c r="B717" s="8" t="s">
        <v>12</v>
      </c>
      <c r="C717" s="8" t="s">
        <v>13</v>
      </c>
      <c r="D717" s="8">
        <v>1846</v>
      </c>
      <c r="E717" s="3" t="s">
        <v>13</v>
      </c>
      <c r="F717" s="6" t="s">
        <v>1679</v>
      </c>
      <c r="G717" s="3" t="s">
        <v>16</v>
      </c>
      <c r="H717" s="3" t="s">
        <v>17</v>
      </c>
      <c r="I717" s="3" t="s">
        <v>459</v>
      </c>
      <c r="J717" s="3" t="s">
        <v>13</v>
      </c>
      <c r="K717" s="4">
        <v>43383</v>
      </c>
    </row>
    <row r="718" spans="1:11" ht="30" x14ac:dyDescent="0.25">
      <c r="A718" s="6" t="s">
        <v>1891</v>
      </c>
      <c r="B718" s="8" t="s">
        <v>12</v>
      </c>
      <c r="C718" s="8" t="s">
        <v>1892</v>
      </c>
      <c r="D718" s="8">
        <v>1741</v>
      </c>
      <c r="E718" s="3" t="s">
        <v>1611</v>
      </c>
      <c r="F718" s="6" t="s">
        <v>1893</v>
      </c>
      <c r="G718" s="3" t="s">
        <v>16</v>
      </c>
      <c r="H718" s="3" t="s">
        <v>17</v>
      </c>
      <c r="I718" s="3" t="s">
        <v>18</v>
      </c>
      <c r="J718" s="3" t="s">
        <v>1894</v>
      </c>
      <c r="K718" s="4">
        <v>43383</v>
      </c>
    </row>
    <row r="719" spans="1:11" ht="30" x14ac:dyDescent="0.25">
      <c r="A719" s="6" t="s">
        <v>1954</v>
      </c>
      <c r="B719" s="8" t="s">
        <v>12</v>
      </c>
      <c r="C719" s="8">
        <v>1752</v>
      </c>
      <c r="D719" s="8">
        <v>1752</v>
      </c>
      <c r="E719" s="3" t="s">
        <v>1897</v>
      </c>
      <c r="F719" s="6" t="s">
        <v>1955</v>
      </c>
      <c r="G719" s="3" t="s">
        <v>16</v>
      </c>
      <c r="H719" s="3" t="s">
        <v>17</v>
      </c>
      <c r="I719" s="3" t="s">
        <v>18</v>
      </c>
      <c r="J719" s="3" t="s">
        <v>1956</v>
      </c>
      <c r="K719" s="4">
        <v>43383</v>
      </c>
    </row>
    <row r="720" spans="1:11" x14ac:dyDescent="0.25">
      <c r="A720" s="6" t="s">
        <v>2430</v>
      </c>
      <c r="B720" s="8" t="s">
        <v>12</v>
      </c>
      <c r="C720" s="8" t="s">
        <v>13</v>
      </c>
      <c r="D720" s="8">
        <v>1846</v>
      </c>
      <c r="E720" s="3" t="s">
        <v>13</v>
      </c>
      <c r="F720" s="6" t="s">
        <v>2431</v>
      </c>
      <c r="G720" s="3" t="s">
        <v>16</v>
      </c>
      <c r="H720" s="3" t="s">
        <v>17</v>
      </c>
      <c r="I720" s="3" t="s">
        <v>459</v>
      </c>
      <c r="J720" s="3" t="s">
        <v>13</v>
      </c>
      <c r="K720" s="4">
        <v>43383</v>
      </c>
    </row>
    <row r="721" spans="1:11" ht="30" x14ac:dyDescent="0.25">
      <c r="A721" s="6" t="s">
        <v>2777</v>
      </c>
      <c r="B721" s="8" t="s">
        <v>12</v>
      </c>
      <c r="C721" s="8" t="s">
        <v>13</v>
      </c>
      <c r="D721" s="8">
        <v>1810</v>
      </c>
      <c r="E721" s="3" t="s">
        <v>2778</v>
      </c>
      <c r="F721" s="6" t="s">
        <v>2779</v>
      </c>
      <c r="G721" s="3" t="s">
        <v>16</v>
      </c>
      <c r="H721" s="3" t="s">
        <v>17</v>
      </c>
      <c r="I721" s="3" t="s">
        <v>18</v>
      </c>
      <c r="J721" s="3" t="s">
        <v>2780</v>
      </c>
      <c r="K721" s="4">
        <v>43383</v>
      </c>
    </row>
    <row r="722" spans="1:11" x14ac:dyDescent="0.25">
      <c r="A722" s="6" t="s">
        <v>2820</v>
      </c>
      <c r="B722" s="8" t="s">
        <v>12</v>
      </c>
      <c r="C722" s="8" t="s">
        <v>13</v>
      </c>
      <c r="D722" s="8">
        <v>1707</v>
      </c>
      <c r="E722" s="3" t="s">
        <v>13</v>
      </c>
      <c r="F722" s="6" t="s">
        <v>2821</v>
      </c>
      <c r="G722" s="3" t="s">
        <v>16</v>
      </c>
      <c r="H722" s="3" t="s">
        <v>17</v>
      </c>
      <c r="I722" s="3" t="s">
        <v>18</v>
      </c>
      <c r="J722" s="3" t="s">
        <v>2822</v>
      </c>
      <c r="K722" s="4">
        <v>43383</v>
      </c>
    </row>
    <row r="723" spans="1:11" ht="120" x14ac:dyDescent="0.25">
      <c r="A723" s="6" t="s">
        <v>2987</v>
      </c>
      <c r="B723" s="8" t="s">
        <v>12</v>
      </c>
      <c r="C723" s="8">
        <v>1836</v>
      </c>
      <c r="D723" s="8">
        <v>1836</v>
      </c>
      <c r="E723" s="3" t="s">
        <v>2988</v>
      </c>
      <c r="F723" s="6" t="s">
        <v>2989</v>
      </c>
      <c r="G723" s="3" t="s">
        <v>16</v>
      </c>
      <c r="H723" s="3" t="s">
        <v>17</v>
      </c>
      <c r="I723" s="3" t="s">
        <v>18</v>
      </c>
      <c r="J723" s="3" t="s">
        <v>2990</v>
      </c>
      <c r="K723" s="4">
        <v>43383</v>
      </c>
    </row>
    <row r="724" spans="1:11" ht="90" x14ac:dyDescent="0.25">
      <c r="A724" s="6" t="s">
        <v>3165</v>
      </c>
      <c r="B724" s="8" t="s">
        <v>12</v>
      </c>
      <c r="C724" s="8" t="s">
        <v>13</v>
      </c>
      <c r="D724" s="8">
        <v>1831</v>
      </c>
      <c r="E724" s="3" t="s">
        <v>13</v>
      </c>
      <c r="F724" s="6" t="s">
        <v>3166</v>
      </c>
      <c r="G724" s="3" t="s">
        <v>16</v>
      </c>
      <c r="H724" s="3" t="s">
        <v>17</v>
      </c>
      <c r="I724" s="3" t="s">
        <v>13</v>
      </c>
      <c r="J724" s="3" t="s">
        <v>3167</v>
      </c>
      <c r="K724" s="4">
        <v>43383</v>
      </c>
    </row>
    <row r="725" spans="1:11" ht="120" x14ac:dyDescent="0.25">
      <c r="A725" s="6" t="s">
        <v>3217</v>
      </c>
      <c r="B725" s="8" t="s">
        <v>12</v>
      </c>
      <c r="C725" s="8">
        <v>1845</v>
      </c>
      <c r="D725" s="8">
        <v>1845</v>
      </c>
      <c r="E725" s="3" t="s">
        <v>13</v>
      </c>
      <c r="F725" s="6" t="s">
        <v>3218</v>
      </c>
      <c r="G725" s="3" t="s">
        <v>16</v>
      </c>
      <c r="H725" s="3" t="s">
        <v>17</v>
      </c>
      <c r="I725" s="3" t="s">
        <v>459</v>
      </c>
      <c r="J725" s="3" t="s">
        <v>13</v>
      </c>
      <c r="K725" s="4">
        <v>43383</v>
      </c>
    </row>
    <row r="726" spans="1:11" ht="30" x14ac:dyDescent="0.25">
      <c r="A726" s="6" t="s">
        <v>3262</v>
      </c>
      <c r="B726" s="8" t="s">
        <v>12</v>
      </c>
      <c r="C726" s="8" t="s">
        <v>878</v>
      </c>
      <c r="D726" s="8">
        <v>1767</v>
      </c>
      <c r="E726" s="3" t="s">
        <v>35</v>
      </c>
      <c r="F726" s="6" t="s">
        <v>3263</v>
      </c>
      <c r="G726" s="3" t="s">
        <v>16</v>
      </c>
      <c r="H726" s="3" t="s">
        <v>17</v>
      </c>
      <c r="I726" s="3" t="s">
        <v>18</v>
      </c>
      <c r="J726" s="3" t="s">
        <v>3264</v>
      </c>
      <c r="K726" s="4">
        <v>43383</v>
      </c>
    </row>
    <row r="727" spans="1:11" x14ac:dyDescent="0.25">
      <c r="A727" s="6" t="s">
        <v>3301</v>
      </c>
      <c r="B727" s="8" t="s">
        <v>12</v>
      </c>
      <c r="C727" s="8">
        <v>1820</v>
      </c>
      <c r="D727" s="8">
        <v>1820</v>
      </c>
      <c r="E727" s="3" t="s">
        <v>3302</v>
      </c>
      <c r="F727" s="6" t="s">
        <v>3303</v>
      </c>
      <c r="G727" s="3" t="s">
        <v>16</v>
      </c>
      <c r="H727" s="3" t="s">
        <v>17</v>
      </c>
      <c r="I727" s="3" t="s">
        <v>3304</v>
      </c>
      <c r="J727" s="3" t="s">
        <v>3305</v>
      </c>
      <c r="K727" s="4">
        <v>43383</v>
      </c>
    </row>
    <row r="728" spans="1:11" ht="45" x14ac:dyDescent="0.25">
      <c r="A728" s="6" t="s">
        <v>3743</v>
      </c>
      <c r="B728" s="8" t="s">
        <v>12</v>
      </c>
      <c r="C728" s="8" t="s">
        <v>3744</v>
      </c>
      <c r="D728" s="8">
        <v>1728</v>
      </c>
      <c r="E728" s="3" t="s">
        <v>3745</v>
      </c>
      <c r="F728" s="6" t="s">
        <v>3746</v>
      </c>
      <c r="G728" s="3" t="s">
        <v>16</v>
      </c>
      <c r="H728" s="3" t="s">
        <v>17</v>
      </c>
      <c r="I728" s="3" t="s">
        <v>18</v>
      </c>
      <c r="J728" s="3" t="s">
        <v>3747</v>
      </c>
      <c r="K728" s="4">
        <v>43383</v>
      </c>
    </row>
    <row r="729" spans="1:11" ht="30" x14ac:dyDescent="0.25">
      <c r="A729" s="6" t="s">
        <v>4366</v>
      </c>
      <c r="B729" s="8" t="s">
        <v>12</v>
      </c>
      <c r="C729" s="8" t="s">
        <v>4367</v>
      </c>
      <c r="D729" s="8" t="s">
        <v>4368</v>
      </c>
      <c r="E729" s="3" t="s">
        <v>980</v>
      </c>
      <c r="F729" s="6" t="s">
        <v>4369</v>
      </c>
      <c r="G729" s="3" t="s">
        <v>16</v>
      </c>
      <c r="H729" s="3" t="s">
        <v>17</v>
      </c>
      <c r="I729" s="3" t="s">
        <v>250</v>
      </c>
      <c r="J729" s="3" t="s">
        <v>4370</v>
      </c>
      <c r="K729" s="4">
        <v>43383</v>
      </c>
    </row>
    <row r="730" spans="1:11" ht="30" x14ac:dyDescent="0.25">
      <c r="A730" s="6" t="s">
        <v>4747</v>
      </c>
      <c r="B730" s="8" t="s">
        <v>12</v>
      </c>
      <c r="C730" s="8" t="s">
        <v>1374</v>
      </c>
      <c r="D730" s="8">
        <v>1739</v>
      </c>
      <c r="E730" s="3" t="s">
        <v>13</v>
      </c>
      <c r="F730" s="6" t="s">
        <v>4748</v>
      </c>
      <c r="G730" s="3" t="s">
        <v>16</v>
      </c>
      <c r="H730" s="3" t="s">
        <v>17</v>
      </c>
      <c r="I730" s="3" t="s">
        <v>18</v>
      </c>
      <c r="J730" s="3" t="s">
        <v>4749</v>
      </c>
      <c r="K730" s="4">
        <v>43383</v>
      </c>
    </row>
    <row r="731" spans="1:11" ht="165" x14ac:dyDescent="0.25">
      <c r="A731" s="6" t="s">
        <v>4836</v>
      </c>
      <c r="B731" s="8" t="s">
        <v>12</v>
      </c>
      <c r="C731" s="8">
        <v>1848</v>
      </c>
      <c r="D731" s="8">
        <v>1848</v>
      </c>
      <c r="E731" s="3" t="s">
        <v>4837</v>
      </c>
      <c r="F731" s="6" t="s">
        <v>4838</v>
      </c>
      <c r="G731" s="3" t="s">
        <v>16</v>
      </c>
      <c r="H731" s="3" t="s">
        <v>17</v>
      </c>
      <c r="I731" s="3" t="s">
        <v>18</v>
      </c>
      <c r="J731" s="3" t="s">
        <v>4839</v>
      </c>
      <c r="K731" s="4">
        <v>43383</v>
      </c>
    </row>
    <row r="732" spans="1:11" ht="75" x14ac:dyDescent="0.25">
      <c r="A732" s="6" t="s">
        <v>4851</v>
      </c>
      <c r="B732" s="8" t="s">
        <v>12</v>
      </c>
      <c r="C732" s="8">
        <v>1810</v>
      </c>
      <c r="D732" s="8">
        <v>1810</v>
      </c>
      <c r="E732" s="3" t="s">
        <v>4852</v>
      </c>
      <c r="F732" s="6" t="s">
        <v>808</v>
      </c>
      <c r="G732" s="3" t="s">
        <v>16</v>
      </c>
      <c r="H732" s="3" t="s">
        <v>24</v>
      </c>
      <c r="I732" s="3" t="s">
        <v>18</v>
      </c>
      <c r="J732" s="3" t="s">
        <v>1647</v>
      </c>
      <c r="K732" s="4">
        <v>43383</v>
      </c>
    </row>
    <row r="733" spans="1:11" ht="60" x14ac:dyDescent="0.25">
      <c r="A733" s="6" t="s">
        <v>5004</v>
      </c>
      <c r="B733" s="8" t="s">
        <v>12</v>
      </c>
      <c r="C733" s="8">
        <v>1721</v>
      </c>
      <c r="D733" s="8">
        <v>1721</v>
      </c>
      <c r="E733" s="3" t="s">
        <v>5005</v>
      </c>
      <c r="F733" s="6" t="s">
        <v>5006</v>
      </c>
      <c r="G733" s="3" t="s">
        <v>16</v>
      </c>
      <c r="H733" s="3" t="s">
        <v>17</v>
      </c>
      <c r="I733" s="3" t="s">
        <v>1425</v>
      </c>
      <c r="J733" s="3" t="s">
        <v>5007</v>
      </c>
      <c r="K733" s="4">
        <v>43383</v>
      </c>
    </row>
    <row r="734" spans="1:11" ht="120" x14ac:dyDescent="0.25">
      <c r="A734" s="6" t="s">
        <v>5093</v>
      </c>
      <c r="B734" s="8" t="s">
        <v>12</v>
      </c>
      <c r="C734" s="8" t="s">
        <v>13</v>
      </c>
      <c r="D734" s="8">
        <v>1825</v>
      </c>
      <c r="E734" s="3" t="s">
        <v>13</v>
      </c>
      <c r="F734" s="6" t="s">
        <v>5094</v>
      </c>
      <c r="G734" s="3" t="s">
        <v>16</v>
      </c>
      <c r="H734" s="3" t="s">
        <v>170</v>
      </c>
      <c r="I734" s="3" t="s">
        <v>171</v>
      </c>
      <c r="J734" s="3" t="s">
        <v>5095</v>
      </c>
      <c r="K734" s="4">
        <v>43383</v>
      </c>
    </row>
    <row r="735" spans="1:11" ht="105" x14ac:dyDescent="0.25">
      <c r="A735" s="6" t="s">
        <v>5154</v>
      </c>
      <c r="B735" s="8" t="s">
        <v>12</v>
      </c>
      <c r="C735" s="8">
        <v>1822</v>
      </c>
      <c r="D735" s="8">
        <v>1822</v>
      </c>
      <c r="E735" s="3" t="s">
        <v>4596</v>
      </c>
      <c r="F735" s="6" t="s">
        <v>5155</v>
      </c>
      <c r="G735" s="3" t="s">
        <v>16</v>
      </c>
      <c r="H735" s="3" t="s">
        <v>17</v>
      </c>
      <c r="I735" s="3" t="s">
        <v>18</v>
      </c>
      <c r="J735" s="3" t="s">
        <v>5156</v>
      </c>
      <c r="K735" s="4">
        <v>43383</v>
      </c>
    </row>
    <row r="736" spans="1:11" ht="45" x14ac:dyDescent="0.25">
      <c r="A736" s="6" t="s">
        <v>5401</v>
      </c>
      <c r="B736" s="8" t="s">
        <v>12</v>
      </c>
      <c r="C736" s="8">
        <v>1816</v>
      </c>
      <c r="D736" s="8">
        <v>1816</v>
      </c>
      <c r="E736" s="3" t="s">
        <v>5402</v>
      </c>
      <c r="F736" s="6" t="s">
        <v>5403</v>
      </c>
      <c r="G736" s="3" t="s">
        <v>16</v>
      </c>
      <c r="H736" s="3" t="s">
        <v>17</v>
      </c>
      <c r="I736" s="3" t="s">
        <v>18</v>
      </c>
      <c r="J736" s="3" t="s">
        <v>5404</v>
      </c>
      <c r="K736" s="4">
        <v>43383</v>
      </c>
    </row>
    <row r="737" spans="1:11" ht="45" x14ac:dyDescent="0.25">
      <c r="A737" s="6" t="s">
        <v>5426</v>
      </c>
      <c r="B737" s="8" t="s">
        <v>12</v>
      </c>
      <c r="C737" s="8" t="s">
        <v>13</v>
      </c>
      <c r="D737" s="8">
        <v>1841</v>
      </c>
      <c r="E737" s="3" t="s">
        <v>5427</v>
      </c>
      <c r="F737" s="6" t="s">
        <v>5428</v>
      </c>
      <c r="G737" s="3" t="s">
        <v>16</v>
      </c>
      <c r="H737" s="3" t="s">
        <v>17</v>
      </c>
      <c r="I737" s="3" t="s">
        <v>250</v>
      </c>
      <c r="J737" s="3" t="s">
        <v>5429</v>
      </c>
      <c r="K737" s="4">
        <v>43383</v>
      </c>
    </row>
    <row r="738" spans="1:11" ht="90" x14ac:dyDescent="0.25">
      <c r="A738" s="6" t="s">
        <v>5490</v>
      </c>
      <c r="B738" s="8" t="s">
        <v>12</v>
      </c>
      <c r="C738" s="8" t="s">
        <v>13</v>
      </c>
      <c r="D738" s="8">
        <v>1824</v>
      </c>
      <c r="E738" s="3" t="s">
        <v>5491</v>
      </c>
      <c r="F738" s="6" t="s">
        <v>5492</v>
      </c>
      <c r="G738" s="3" t="s">
        <v>16</v>
      </c>
      <c r="H738" s="3" t="s">
        <v>170</v>
      </c>
      <c r="I738" s="3" t="s">
        <v>171</v>
      </c>
      <c r="J738" s="3" t="s">
        <v>5493</v>
      </c>
      <c r="K738" s="4">
        <v>43383</v>
      </c>
    </row>
    <row r="739" spans="1:11" ht="90" x14ac:dyDescent="0.25">
      <c r="A739" s="6" t="s">
        <v>5508</v>
      </c>
      <c r="B739" s="8" t="s">
        <v>12</v>
      </c>
      <c r="C739" s="8" t="s">
        <v>5509</v>
      </c>
      <c r="D739" s="8" t="s">
        <v>5510</v>
      </c>
      <c r="E739" s="3" t="s">
        <v>5511</v>
      </c>
      <c r="F739" s="6" t="s">
        <v>441</v>
      </c>
      <c r="G739" s="3" t="s">
        <v>16</v>
      </c>
      <c r="H739" s="3" t="s">
        <v>24</v>
      </c>
      <c r="I739" s="3" t="s">
        <v>18</v>
      </c>
      <c r="J739" s="3" t="s">
        <v>5174</v>
      </c>
      <c r="K739" s="4">
        <v>43383</v>
      </c>
    </row>
    <row r="740" spans="1:11" ht="135" x14ac:dyDescent="0.25">
      <c r="A740" s="6" t="s">
        <v>769</v>
      </c>
      <c r="B740" s="8" t="s">
        <v>12</v>
      </c>
      <c r="C740" s="8" t="s">
        <v>13</v>
      </c>
      <c r="D740" s="8">
        <v>1850</v>
      </c>
      <c r="E740" s="3" t="s">
        <v>770</v>
      </c>
      <c r="F740" s="6" t="s">
        <v>771</v>
      </c>
      <c r="G740" s="3" t="s">
        <v>16</v>
      </c>
      <c r="H740" s="3" t="s">
        <v>24</v>
      </c>
      <c r="I740" s="3" t="s">
        <v>57</v>
      </c>
      <c r="J740" s="3" t="s">
        <v>32</v>
      </c>
      <c r="K740" s="4">
        <v>43382</v>
      </c>
    </row>
    <row r="741" spans="1:11" ht="30" x14ac:dyDescent="0.25">
      <c r="A741" s="6" t="s">
        <v>841</v>
      </c>
      <c r="B741" s="8" t="s">
        <v>12</v>
      </c>
      <c r="C741" s="8">
        <v>1557</v>
      </c>
      <c r="D741" s="8">
        <v>1557</v>
      </c>
      <c r="E741" s="3" t="s">
        <v>842</v>
      </c>
      <c r="F741" s="6" t="s">
        <v>843</v>
      </c>
      <c r="G741" s="3" t="s">
        <v>16</v>
      </c>
      <c r="H741" s="3" t="s">
        <v>24</v>
      </c>
      <c r="I741" s="3" t="s">
        <v>171</v>
      </c>
      <c r="J741" s="3" t="s">
        <v>844</v>
      </c>
      <c r="K741" s="4">
        <v>43382</v>
      </c>
    </row>
    <row r="742" spans="1:11" ht="30" x14ac:dyDescent="0.25">
      <c r="A742" s="6" t="s">
        <v>964</v>
      </c>
      <c r="B742" s="8" t="s">
        <v>12</v>
      </c>
      <c r="C742" s="8" t="s">
        <v>70</v>
      </c>
      <c r="D742" s="8">
        <v>1651</v>
      </c>
      <c r="E742" s="3" t="s">
        <v>965</v>
      </c>
      <c r="F742" s="6" t="s">
        <v>966</v>
      </c>
      <c r="G742" s="3" t="s">
        <v>16</v>
      </c>
      <c r="H742" s="3" t="s">
        <v>24</v>
      </c>
      <c r="I742" s="3" t="s">
        <v>57</v>
      </c>
      <c r="J742" s="3" t="s">
        <v>967</v>
      </c>
      <c r="K742" s="4">
        <v>43382</v>
      </c>
    </row>
    <row r="743" spans="1:11" ht="75" x14ac:dyDescent="0.25">
      <c r="A743" s="6" t="s">
        <v>1177</v>
      </c>
      <c r="B743" s="8" t="s">
        <v>12</v>
      </c>
      <c r="C743" s="8" t="s">
        <v>1178</v>
      </c>
      <c r="D743" s="8">
        <v>1535</v>
      </c>
      <c r="E743" s="3" t="s">
        <v>1179</v>
      </c>
      <c r="F743" s="6" t="s">
        <v>1180</v>
      </c>
      <c r="G743" s="3" t="s">
        <v>16</v>
      </c>
      <c r="H743" s="3" t="s">
        <v>24</v>
      </c>
      <c r="I743" s="3" t="s">
        <v>57</v>
      </c>
      <c r="J743" s="3" t="s">
        <v>1181</v>
      </c>
      <c r="K743" s="4">
        <v>43382</v>
      </c>
    </row>
    <row r="744" spans="1:11" ht="45" x14ac:dyDescent="0.25">
      <c r="A744" s="6" t="s">
        <v>1225</v>
      </c>
      <c r="B744" s="8" t="s">
        <v>12</v>
      </c>
      <c r="C744" s="8">
        <v>1842</v>
      </c>
      <c r="D744" s="8">
        <v>1842</v>
      </c>
      <c r="E744" s="3" t="s">
        <v>1226</v>
      </c>
      <c r="F744" s="6" t="s">
        <v>1227</v>
      </c>
      <c r="G744" s="3" t="s">
        <v>16</v>
      </c>
      <c r="H744" s="3" t="s">
        <v>17</v>
      </c>
      <c r="I744" s="3" t="s">
        <v>18</v>
      </c>
      <c r="J744" s="3" t="s">
        <v>13</v>
      </c>
      <c r="K744" s="4">
        <v>43382</v>
      </c>
    </row>
    <row r="745" spans="1:11" x14ac:dyDescent="0.25">
      <c r="A745" s="6" t="s">
        <v>1259</v>
      </c>
      <c r="B745" s="8" t="s">
        <v>12</v>
      </c>
      <c r="C745" s="8" t="s">
        <v>1040</v>
      </c>
      <c r="D745" s="8">
        <v>1547</v>
      </c>
      <c r="E745" s="3" t="s">
        <v>1260</v>
      </c>
      <c r="F745" s="6" t="s">
        <v>1261</v>
      </c>
      <c r="G745" s="3" t="s">
        <v>16</v>
      </c>
      <c r="H745" s="3" t="s">
        <v>30</v>
      </c>
      <c r="I745" s="3" t="s">
        <v>57</v>
      </c>
      <c r="J745" s="3" t="s">
        <v>1262</v>
      </c>
      <c r="K745" s="4">
        <v>43382</v>
      </c>
    </row>
    <row r="746" spans="1:11" ht="45" x14ac:dyDescent="0.25">
      <c r="A746" s="6" t="s">
        <v>1279</v>
      </c>
      <c r="B746" s="8" t="s">
        <v>12</v>
      </c>
      <c r="C746" s="8" t="s">
        <v>1280</v>
      </c>
      <c r="D746" s="8">
        <v>1844</v>
      </c>
      <c r="E746" s="3" t="s">
        <v>1281</v>
      </c>
      <c r="F746" s="6" t="s">
        <v>1282</v>
      </c>
      <c r="G746" s="3" t="s">
        <v>16</v>
      </c>
      <c r="H746" s="3" t="s">
        <v>24</v>
      </c>
      <c r="I746" s="3" t="s">
        <v>57</v>
      </c>
      <c r="J746" s="3" t="s">
        <v>1283</v>
      </c>
      <c r="K746" s="4">
        <v>43382</v>
      </c>
    </row>
    <row r="747" spans="1:11" ht="60" x14ac:dyDescent="0.25">
      <c r="A747" s="6" t="s">
        <v>1461</v>
      </c>
      <c r="B747" s="8" t="s">
        <v>12</v>
      </c>
      <c r="C747" s="8" t="s">
        <v>878</v>
      </c>
      <c r="D747" s="8">
        <v>1767</v>
      </c>
      <c r="E747" s="3" t="s">
        <v>1462</v>
      </c>
      <c r="F747" s="6" t="s">
        <v>1463</v>
      </c>
      <c r="G747" s="3" t="s">
        <v>16</v>
      </c>
      <c r="H747" s="3" t="s">
        <v>24</v>
      </c>
      <c r="I747" s="3" t="s">
        <v>18</v>
      </c>
      <c r="J747" s="3" t="s">
        <v>1464</v>
      </c>
      <c r="K747" s="4">
        <v>43382</v>
      </c>
    </row>
    <row r="748" spans="1:11" ht="75" x14ac:dyDescent="0.25">
      <c r="A748" s="6" t="s">
        <v>1515</v>
      </c>
      <c r="B748" s="8" t="s">
        <v>12</v>
      </c>
      <c r="C748" s="8" t="s">
        <v>1516</v>
      </c>
      <c r="D748" s="8">
        <v>1825</v>
      </c>
      <c r="E748" s="3" t="s">
        <v>1517</v>
      </c>
      <c r="F748" s="6" t="s">
        <v>1518</v>
      </c>
      <c r="G748" s="3" t="s">
        <v>16</v>
      </c>
      <c r="H748" s="3" t="s">
        <v>24</v>
      </c>
      <c r="I748" s="3" t="s">
        <v>18</v>
      </c>
      <c r="J748" s="3" t="s">
        <v>1519</v>
      </c>
      <c r="K748" s="4">
        <v>43382</v>
      </c>
    </row>
    <row r="749" spans="1:11" ht="60" x14ac:dyDescent="0.25">
      <c r="A749" s="6" t="s">
        <v>1830</v>
      </c>
      <c r="B749" s="8" t="s">
        <v>12</v>
      </c>
      <c r="C749" s="8" t="s">
        <v>13</v>
      </c>
      <c r="D749" s="8">
        <v>1847</v>
      </c>
      <c r="E749" s="3" t="s">
        <v>13</v>
      </c>
      <c r="F749" s="6" t="s">
        <v>1831</v>
      </c>
      <c r="G749" s="3" t="s">
        <v>16</v>
      </c>
      <c r="H749" s="3" t="s">
        <v>17</v>
      </c>
      <c r="I749" s="3" t="s">
        <v>13</v>
      </c>
      <c r="J749" s="3" t="s">
        <v>1832</v>
      </c>
      <c r="K749" s="4">
        <v>43382</v>
      </c>
    </row>
    <row r="750" spans="1:11" ht="90" x14ac:dyDescent="0.25">
      <c r="A750" s="6" t="s">
        <v>2303</v>
      </c>
      <c r="B750" s="8" t="s">
        <v>12</v>
      </c>
      <c r="C750" s="8" t="s">
        <v>355</v>
      </c>
      <c r="D750" s="8">
        <v>1600</v>
      </c>
      <c r="E750" s="3" t="s">
        <v>2304</v>
      </c>
      <c r="F750" s="6" t="s">
        <v>2305</v>
      </c>
      <c r="G750" s="3" t="s">
        <v>16</v>
      </c>
      <c r="H750" s="3" t="s">
        <v>24</v>
      </c>
      <c r="I750" s="3" t="s">
        <v>2306</v>
      </c>
      <c r="J750" s="3" t="s">
        <v>2307</v>
      </c>
      <c r="K750" s="4">
        <v>43382</v>
      </c>
    </row>
    <row r="751" spans="1:11" ht="195" x14ac:dyDescent="0.25">
      <c r="A751" s="6" t="s">
        <v>2550</v>
      </c>
      <c r="B751" s="8" t="s">
        <v>12</v>
      </c>
      <c r="C751" s="8">
        <v>1557</v>
      </c>
      <c r="D751" s="8">
        <v>1557</v>
      </c>
      <c r="E751" s="3" t="s">
        <v>2551</v>
      </c>
      <c r="F751" s="6" t="s">
        <v>2552</v>
      </c>
      <c r="G751" s="3" t="s">
        <v>16</v>
      </c>
      <c r="H751" s="3" t="s">
        <v>24</v>
      </c>
      <c r="I751" s="3" t="s">
        <v>171</v>
      </c>
      <c r="J751" s="3" t="s">
        <v>844</v>
      </c>
      <c r="K751" s="4">
        <v>43382</v>
      </c>
    </row>
    <row r="752" spans="1:11" ht="30" x14ac:dyDescent="0.25">
      <c r="A752" s="6" t="s">
        <v>2781</v>
      </c>
      <c r="B752" s="8" t="s">
        <v>12</v>
      </c>
      <c r="C752" s="8" t="s">
        <v>2782</v>
      </c>
      <c r="D752" s="8">
        <v>1590</v>
      </c>
      <c r="E752" s="3" t="s">
        <v>2783</v>
      </c>
      <c r="F752" s="6" t="s">
        <v>2784</v>
      </c>
      <c r="G752" s="3" t="s">
        <v>16</v>
      </c>
      <c r="H752" s="3" t="s">
        <v>30</v>
      </c>
      <c r="I752" s="3" t="s">
        <v>57</v>
      </c>
      <c r="J752" s="3" t="s">
        <v>2785</v>
      </c>
      <c r="K752" s="4">
        <v>43382</v>
      </c>
    </row>
    <row r="753" spans="1:11" ht="180" x14ac:dyDescent="0.25">
      <c r="A753" s="6" t="s">
        <v>3088</v>
      </c>
      <c r="B753" s="8" t="s">
        <v>12</v>
      </c>
      <c r="C753" s="8" t="s">
        <v>1063</v>
      </c>
      <c r="D753" s="8">
        <v>1560</v>
      </c>
      <c r="E753" s="3" t="s">
        <v>2655</v>
      </c>
      <c r="F753" s="6" t="s">
        <v>3089</v>
      </c>
      <c r="G753" s="3" t="s">
        <v>16</v>
      </c>
      <c r="H753" s="3" t="s">
        <v>24</v>
      </c>
      <c r="I753" s="3" t="s">
        <v>171</v>
      </c>
      <c r="J753" s="3" t="s">
        <v>3090</v>
      </c>
      <c r="K753" s="4">
        <v>43382</v>
      </c>
    </row>
    <row r="754" spans="1:11" x14ac:dyDescent="0.25">
      <c r="A754" s="6" t="s">
        <v>3240</v>
      </c>
      <c r="B754" s="8" t="s">
        <v>12</v>
      </c>
      <c r="C754" s="8" t="s">
        <v>3241</v>
      </c>
      <c r="D754" s="8">
        <v>1536</v>
      </c>
      <c r="E754" s="3" t="s">
        <v>3242</v>
      </c>
      <c r="F754" s="6" t="s">
        <v>1180</v>
      </c>
      <c r="G754" s="3" t="s">
        <v>16</v>
      </c>
      <c r="H754" s="3" t="s">
        <v>24</v>
      </c>
      <c r="I754" s="3" t="s">
        <v>57</v>
      </c>
      <c r="J754" s="3" t="s">
        <v>3243</v>
      </c>
      <c r="K754" s="4">
        <v>43382</v>
      </c>
    </row>
    <row r="755" spans="1:11" ht="75" x14ac:dyDescent="0.25">
      <c r="A755" s="6" t="s">
        <v>3294</v>
      </c>
      <c r="B755" s="8" t="s">
        <v>12</v>
      </c>
      <c r="C755" s="8" t="s">
        <v>3295</v>
      </c>
      <c r="D755" s="8">
        <v>1622</v>
      </c>
      <c r="E755" s="3" t="s">
        <v>3296</v>
      </c>
      <c r="F755" s="6" t="s">
        <v>3297</v>
      </c>
      <c r="G755" s="3" t="s">
        <v>16</v>
      </c>
      <c r="H755" s="3" t="s">
        <v>30</v>
      </c>
      <c r="I755" s="3" t="s">
        <v>57</v>
      </c>
      <c r="J755" s="3" t="s">
        <v>593</v>
      </c>
      <c r="K755" s="4">
        <v>43382</v>
      </c>
    </row>
    <row r="756" spans="1:11" ht="45" x14ac:dyDescent="0.25">
      <c r="A756" s="6" t="s">
        <v>3487</v>
      </c>
      <c r="B756" s="8" t="s">
        <v>12</v>
      </c>
      <c r="C756" s="8" t="s">
        <v>3488</v>
      </c>
      <c r="D756" s="8">
        <v>1780</v>
      </c>
      <c r="E756" s="3" t="s">
        <v>2354</v>
      </c>
      <c r="F756" s="6" t="s">
        <v>3489</v>
      </c>
      <c r="G756" s="3" t="s">
        <v>16</v>
      </c>
      <c r="H756" s="3" t="s">
        <v>538</v>
      </c>
      <c r="I756" s="3" t="s">
        <v>1425</v>
      </c>
      <c r="J756" s="3"/>
      <c r="K756" s="4">
        <v>43382</v>
      </c>
    </row>
    <row r="757" spans="1:11" ht="30" x14ac:dyDescent="0.25">
      <c r="A757" s="6" t="s">
        <v>3721</v>
      </c>
      <c r="B757" s="8" t="s">
        <v>12</v>
      </c>
      <c r="C757" s="8" t="s">
        <v>13</v>
      </c>
      <c r="D757" s="8">
        <v>1654</v>
      </c>
      <c r="E757" s="3" t="s">
        <v>3722</v>
      </c>
      <c r="F757" s="6" t="s">
        <v>3723</v>
      </c>
      <c r="G757" s="3" t="s">
        <v>16</v>
      </c>
      <c r="H757" s="3" t="s">
        <v>24</v>
      </c>
      <c r="I757" s="3" t="s">
        <v>57</v>
      </c>
      <c r="J757" s="3" t="s">
        <v>3724</v>
      </c>
      <c r="K757" s="4">
        <v>43382</v>
      </c>
    </row>
    <row r="758" spans="1:11" ht="60" x14ac:dyDescent="0.25">
      <c r="A758" s="6" t="s">
        <v>2690</v>
      </c>
      <c r="B758" s="8" t="s">
        <v>12</v>
      </c>
      <c r="C758" s="8" t="s">
        <v>1552</v>
      </c>
      <c r="D758" s="8">
        <v>1797</v>
      </c>
      <c r="E758" s="3" t="s">
        <v>2691</v>
      </c>
      <c r="F758" s="6" t="s">
        <v>3741</v>
      </c>
      <c r="G758" s="3" t="s">
        <v>16</v>
      </c>
      <c r="H758" s="3" t="s">
        <v>24</v>
      </c>
      <c r="I758" s="3" t="s">
        <v>57</v>
      </c>
      <c r="J758" s="3" t="s">
        <v>3742</v>
      </c>
      <c r="K758" s="4">
        <v>43382</v>
      </c>
    </row>
    <row r="759" spans="1:11" ht="120" x14ac:dyDescent="0.25">
      <c r="A759" s="6" t="s">
        <v>3859</v>
      </c>
      <c r="B759" s="8" t="s">
        <v>12</v>
      </c>
      <c r="C759" s="8" t="s">
        <v>2184</v>
      </c>
      <c r="D759" s="8">
        <v>1621</v>
      </c>
      <c r="E759" s="3" t="s">
        <v>3860</v>
      </c>
      <c r="F759" s="6" t="s">
        <v>3861</v>
      </c>
      <c r="G759" s="3" t="s">
        <v>16</v>
      </c>
      <c r="H759" s="3" t="s">
        <v>24</v>
      </c>
      <c r="I759" s="3" t="s">
        <v>57</v>
      </c>
      <c r="J759" s="3" t="s">
        <v>3862</v>
      </c>
      <c r="K759" s="4">
        <v>43382</v>
      </c>
    </row>
    <row r="760" spans="1:11" ht="225" x14ac:dyDescent="0.25">
      <c r="A760" s="6" t="s">
        <v>4031</v>
      </c>
      <c r="B760" s="8" t="s">
        <v>12</v>
      </c>
      <c r="C760" s="8" t="s">
        <v>13</v>
      </c>
      <c r="D760" s="8">
        <v>1508</v>
      </c>
      <c r="E760" s="3" t="s">
        <v>4032</v>
      </c>
      <c r="F760" s="6" t="s">
        <v>4033</v>
      </c>
      <c r="G760" s="3" t="s">
        <v>16</v>
      </c>
      <c r="H760" s="3" t="s">
        <v>24</v>
      </c>
      <c r="I760" s="3" t="s">
        <v>171</v>
      </c>
      <c r="J760" s="3" t="s">
        <v>4034</v>
      </c>
      <c r="K760" s="4">
        <v>43382</v>
      </c>
    </row>
    <row r="761" spans="1:11" ht="60" x14ac:dyDescent="0.25">
      <c r="A761" s="6" t="s">
        <v>4095</v>
      </c>
      <c r="B761" s="8" t="s">
        <v>12</v>
      </c>
      <c r="C761" s="8" t="s">
        <v>292</v>
      </c>
      <c r="D761" s="8">
        <v>1738</v>
      </c>
      <c r="E761" s="3" t="s">
        <v>4096</v>
      </c>
      <c r="F761" s="6" t="s">
        <v>4097</v>
      </c>
      <c r="G761" s="3" t="s">
        <v>16</v>
      </c>
      <c r="H761" s="3" t="s">
        <v>24</v>
      </c>
      <c r="I761" s="3" t="s">
        <v>18</v>
      </c>
      <c r="J761" s="3" t="s">
        <v>4098</v>
      </c>
      <c r="K761" s="4">
        <v>43382</v>
      </c>
    </row>
    <row r="762" spans="1:11" ht="30" x14ac:dyDescent="0.25">
      <c r="A762" s="6" t="s">
        <v>4298</v>
      </c>
      <c r="B762" s="8" t="s">
        <v>12</v>
      </c>
      <c r="C762" s="8" t="s">
        <v>4299</v>
      </c>
      <c r="D762" s="8">
        <v>1546</v>
      </c>
      <c r="E762" s="3" t="s">
        <v>1260</v>
      </c>
      <c r="F762" s="6" t="s">
        <v>1261</v>
      </c>
      <c r="G762" s="3" t="s">
        <v>16</v>
      </c>
      <c r="H762" s="3" t="s">
        <v>30</v>
      </c>
      <c r="I762" s="3" t="s">
        <v>57</v>
      </c>
      <c r="J762" s="3" t="s">
        <v>4300</v>
      </c>
      <c r="K762" s="4">
        <v>43382</v>
      </c>
    </row>
    <row r="763" spans="1:11" ht="105" x14ac:dyDescent="0.25">
      <c r="A763" s="6" t="s">
        <v>4332</v>
      </c>
      <c r="B763" s="8" t="s">
        <v>12</v>
      </c>
      <c r="C763" s="8">
        <v>1561</v>
      </c>
      <c r="D763" s="8">
        <v>1561</v>
      </c>
      <c r="E763" s="3" t="s">
        <v>4333</v>
      </c>
      <c r="F763" s="6" t="s">
        <v>4123</v>
      </c>
      <c r="G763" s="3" t="s">
        <v>16</v>
      </c>
      <c r="H763" s="3" t="s">
        <v>24</v>
      </c>
      <c r="I763" s="3" t="s">
        <v>182</v>
      </c>
      <c r="J763" s="3" t="s">
        <v>3685</v>
      </c>
      <c r="K763" s="4">
        <v>43382</v>
      </c>
    </row>
    <row r="764" spans="1:11" x14ac:dyDescent="0.25">
      <c r="A764" s="6" t="s">
        <v>4773</v>
      </c>
      <c r="B764" s="8" t="s">
        <v>12</v>
      </c>
      <c r="C764" s="8" t="s">
        <v>1040</v>
      </c>
      <c r="D764" s="8">
        <v>1547</v>
      </c>
      <c r="E764" s="3" t="s">
        <v>1260</v>
      </c>
      <c r="F764" s="6" t="s">
        <v>1261</v>
      </c>
      <c r="G764" s="3" t="s">
        <v>16</v>
      </c>
      <c r="H764" s="3" t="s">
        <v>30</v>
      </c>
      <c r="I764" s="3" t="s">
        <v>57</v>
      </c>
      <c r="J764" s="3" t="s">
        <v>4774</v>
      </c>
      <c r="K764" s="4">
        <v>43382</v>
      </c>
    </row>
    <row r="765" spans="1:11" ht="30" x14ac:dyDescent="0.25">
      <c r="A765" s="6" t="s">
        <v>5113</v>
      </c>
      <c r="B765" s="8" t="s">
        <v>12</v>
      </c>
      <c r="C765" s="8" t="s">
        <v>5114</v>
      </c>
      <c r="D765" s="8">
        <v>1866</v>
      </c>
      <c r="E765" s="3" t="s">
        <v>13</v>
      </c>
      <c r="F765" s="6" t="s">
        <v>5115</v>
      </c>
      <c r="G765" s="3" t="s">
        <v>16</v>
      </c>
      <c r="H765" s="3" t="s">
        <v>17</v>
      </c>
      <c r="I765" s="3" t="s">
        <v>13</v>
      </c>
      <c r="J765" s="3" t="s">
        <v>5116</v>
      </c>
      <c r="K765" s="4">
        <v>43382</v>
      </c>
    </row>
    <row r="766" spans="1:11" x14ac:dyDescent="0.25">
      <c r="A766" s="6" t="s">
        <v>5260</v>
      </c>
      <c r="B766" s="8" t="s">
        <v>12</v>
      </c>
      <c r="C766" s="8" t="s">
        <v>2854</v>
      </c>
      <c r="D766" s="8">
        <v>1588</v>
      </c>
      <c r="E766" s="3" t="s">
        <v>2304</v>
      </c>
      <c r="F766" s="6" t="s">
        <v>5261</v>
      </c>
      <c r="G766" s="3" t="s">
        <v>16</v>
      </c>
      <c r="H766" s="3" t="s">
        <v>30</v>
      </c>
      <c r="I766" s="3" t="s">
        <v>2306</v>
      </c>
      <c r="J766" s="3" t="s">
        <v>5262</v>
      </c>
      <c r="K766" s="4">
        <v>43382</v>
      </c>
    </row>
    <row r="767" spans="1:11" ht="180" x14ac:dyDescent="0.25">
      <c r="A767" s="6" t="s">
        <v>5397</v>
      </c>
      <c r="B767" s="8" t="s">
        <v>12</v>
      </c>
      <c r="C767" s="8">
        <v>1495</v>
      </c>
      <c r="D767" s="8">
        <v>1495</v>
      </c>
      <c r="E767" s="3" t="s">
        <v>5398</v>
      </c>
      <c r="F767" s="6" t="s">
        <v>5399</v>
      </c>
      <c r="G767" s="3" t="s">
        <v>16</v>
      </c>
      <c r="H767" s="3" t="s">
        <v>24</v>
      </c>
      <c r="I767" s="3" t="s">
        <v>264</v>
      </c>
      <c r="J767" s="3" t="s">
        <v>5400</v>
      </c>
      <c r="K767" s="4">
        <v>43382</v>
      </c>
    </row>
    <row r="768" spans="1:11" ht="60" x14ac:dyDescent="0.25">
      <c r="A768" s="6" t="s">
        <v>5560</v>
      </c>
      <c r="B768" s="8" t="s">
        <v>12</v>
      </c>
      <c r="C768" s="8">
        <v>1556</v>
      </c>
      <c r="D768" s="8">
        <v>1556</v>
      </c>
      <c r="E768" s="3" t="s">
        <v>2662</v>
      </c>
      <c r="F768" s="6" t="s">
        <v>5561</v>
      </c>
      <c r="G768" s="3" t="s">
        <v>16</v>
      </c>
      <c r="H768" s="3" t="s">
        <v>24</v>
      </c>
      <c r="I768" s="3" t="s">
        <v>2062</v>
      </c>
      <c r="J768" s="3" t="s">
        <v>5562</v>
      </c>
      <c r="K768" s="4">
        <v>43382</v>
      </c>
    </row>
    <row r="769" spans="1:11" ht="135" x14ac:dyDescent="0.25">
      <c r="A769" s="6" t="s">
        <v>5606</v>
      </c>
      <c r="B769" s="8" t="s">
        <v>12</v>
      </c>
      <c r="C769" s="8" t="s">
        <v>4492</v>
      </c>
      <c r="D769" s="8">
        <v>1580</v>
      </c>
      <c r="E769" s="3" t="s">
        <v>3104</v>
      </c>
      <c r="F769" s="6" t="s">
        <v>5607</v>
      </c>
      <c r="G769" s="3" t="s">
        <v>16</v>
      </c>
      <c r="H769" s="3" t="s">
        <v>24</v>
      </c>
      <c r="I769" s="3" t="s">
        <v>57</v>
      </c>
      <c r="J769" s="3" t="s">
        <v>5608</v>
      </c>
      <c r="K769" s="4">
        <v>43382</v>
      </c>
    </row>
    <row r="770" spans="1:11" ht="30" x14ac:dyDescent="0.25">
      <c r="A770" s="6" t="s">
        <v>5736</v>
      </c>
      <c r="B770" s="8" t="s">
        <v>12</v>
      </c>
      <c r="C770" s="8" t="s">
        <v>1381</v>
      </c>
      <c r="D770" s="8">
        <v>1540</v>
      </c>
      <c r="E770" s="3" t="s">
        <v>5737</v>
      </c>
      <c r="F770" s="6" t="s">
        <v>5738</v>
      </c>
      <c r="G770" s="3" t="s">
        <v>16</v>
      </c>
      <c r="H770" s="3" t="s">
        <v>24</v>
      </c>
      <c r="I770" s="3" t="s">
        <v>394</v>
      </c>
      <c r="J770" s="3" t="s">
        <v>5739</v>
      </c>
      <c r="K770" s="4">
        <v>43382</v>
      </c>
    </row>
    <row r="771" spans="1:11" ht="90" x14ac:dyDescent="0.25">
      <c r="A771" s="6" t="s">
        <v>1095</v>
      </c>
      <c r="B771" s="8" t="s">
        <v>12</v>
      </c>
      <c r="C771" s="8" t="s">
        <v>1096</v>
      </c>
      <c r="D771" s="8">
        <v>1579</v>
      </c>
      <c r="E771" s="3" t="s">
        <v>1097</v>
      </c>
      <c r="F771" s="6" t="s">
        <v>1098</v>
      </c>
      <c r="G771" s="3" t="s">
        <v>16</v>
      </c>
      <c r="H771" s="3" t="s">
        <v>24</v>
      </c>
      <c r="I771" s="3" t="s">
        <v>57</v>
      </c>
      <c r="J771" s="3" t="s">
        <v>1099</v>
      </c>
      <c r="K771" s="4">
        <v>43381</v>
      </c>
    </row>
    <row r="772" spans="1:11" ht="45" x14ac:dyDescent="0.25">
      <c r="A772" s="6" t="s">
        <v>1356</v>
      </c>
      <c r="B772" s="8" t="s">
        <v>12</v>
      </c>
      <c r="C772" s="8" t="s">
        <v>1357</v>
      </c>
      <c r="D772" s="8">
        <v>1605</v>
      </c>
      <c r="E772" s="3" t="s">
        <v>1358</v>
      </c>
      <c r="F772" s="6" t="s">
        <v>1359</v>
      </c>
      <c r="G772" s="3" t="s">
        <v>16</v>
      </c>
      <c r="H772" s="3" t="s">
        <v>24</v>
      </c>
      <c r="I772" s="3" t="s">
        <v>1360</v>
      </c>
      <c r="J772" s="3" t="s">
        <v>1361</v>
      </c>
      <c r="K772" s="4">
        <v>43381</v>
      </c>
    </row>
    <row r="773" spans="1:11" ht="30" x14ac:dyDescent="0.25">
      <c r="A773" s="6" t="s">
        <v>2497</v>
      </c>
      <c r="B773" s="8" t="s">
        <v>12</v>
      </c>
      <c r="C773" s="8" t="s">
        <v>391</v>
      </c>
      <c r="D773" s="8">
        <v>1567</v>
      </c>
      <c r="E773" s="3" t="s">
        <v>2498</v>
      </c>
      <c r="F773" s="6" t="s">
        <v>2499</v>
      </c>
      <c r="G773" s="3" t="s">
        <v>16</v>
      </c>
      <c r="H773" s="3" t="s">
        <v>30</v>
      </c>
      <c r="I773" s="3" t="s">
        <v>57</v>
      </c>
      <c r="J773" s="3" t="s">
        <v>2500</v>
      </c>
      <c r="K773" s="4">
        <v>43381</v>
      </c>
    </row>
    <row r="774" spans="1:11" x14ac:dyDescent="0.25">
      <c r="A774" s="6" t="s">
        <v>2594</v>
      </c>
      <c r="B774" s="8" t="s">
        <v>12</v>
      </c>
      <c r="C774" s="8" t="s">
        <v>2595</v>
      </c>
      <c r="D774" s="8">
        <v>1700</v>
      </c>
      <c r="E774" s="3" t="s">
        <v>2596</v>
      </c>
      <c r="F774" s="6" t="s">
        <v>2597</v>
      </c>
      <c r="G774" s="3" t="s">
        <v>16</v>
      </c>
      <c r="H774" s="3" t="s">
        <v>538</v>
      </c>
      <c r="I774" s="3" t="s">
        <v>350</v>
      </c>
      <c r="J774" s="3" t="s">
        <v>2598</v>
      </c>
      <c r="K774" s="4">
        <v>43381</v>
      </c>
    </row>
    <row r="775" spans="1:11" ht="45" x14ac:dyDescent="0.25">
      <c r="A775" s="6" t="s">
        <v>2905</v>
      </c>
      <c r="B775" s="8" t="s">
        <v>12</v>
      </c>
      <c r="C775" s="8" t="s">
        <v>2906</v>
      </c>
      <c r="D775" s="8">
        <v>1609</v>
      </c>
      <c r="E775" s="3" t="s">
        <v>2907</v>
      </c>
      <c r="F775" s="6" t="s">
        <v>2908</v>
      </c>
      <c r="G775" s="3" t="s">
        <v>16</v>
      </c>
      <c r="H775" s="3" t="s">
        <v>24</v>
      </c>
      <c r="I775" s="3" t="s">
        <v>57</v>
      </c>
      <c r="J775" s="3" t="s">
        <v>2909</v>
      </c>
      <c r="K775" s="4">
        <v>43381</v>
      </c>
    </row>
    <row r="776" spans="1:11" ht="30" x14ac:dyDescent="0.25">
      <c r="A776" s="6" t="s">
        <v>3118</v>
      </c>
      <c r="B776" s="8" t="s">
        <v>12</v>
      </c>
      <c r="C776" s="8" t="s">
        <v>3119</v>
      </c>
      <c r="D776" s="8">
        <v>1511</v>
      </c>
      <c r="E776" s="3" t="s">
        <v>3120</v>
      </c>
      <c r="F776" s="6" t="s">
        <v>3121</v>
      </c>
      <c r="G776" s="3" t="s">
        <v>16</v>
      </c>
      <c r="H776" s="3" t="s">
        <v>24</v>
      </c>
      <c r="I776" s="3" t="s">
        <v>57</v>
      </c>
      <c r="J776" s="3" t="s">
        <v>3122</v>
      </c>
      <c r="K776" s="4">
        <v>43381</v>
      </c>
    </row>
    <row r="777" spans="1:11" ht="150" x14ac:dyDescent="0.25">
      <c r="A777" s="6" t="s">
        <v>4385</v>
      </c>
      <c r="B777" s="8" t="s">
        <v>12</v>
      </c>
      <c r="C777" s="8" t="s">
        <v>13</v>
      </c>
      <c r="D777" s="8">
        <v>1494</v>
      </c>
      <c r="E777" s="3" t="s">
        <v>4386</v>
      </c>
      <c r="F777" s="6" t="s">
        <v>4387</v>
      </c>
      <c r="G777" s="3" t="s">
        <v>16</v>
      </c>
      <c r="H777" s="3" t="s">
        <v>24</v>
      </c>
      <c r="I777" s="3" t="s">
        <v>57</v>
      </c>
      <c r="J777" s="3"/>
      <c r="K777" s="4">
        <v>43381</v>
      </c>
    </row>
    <row r="778" spans="1:11" ht="105" x14ac:dyDescent="0.25">
      <c r="A778" s="6" t="s">
        <v>5461</v>
      </c>
      <c r="B778" s="8" t="s">
        <v>12</v>
      </c>
      <c r="C778" s="8">
        <v>1915</v>
      </c>
      <c r="D778" s="8">
        <v>1915</v>
      </c>
      <c r="E778" s="3" t="s">
        <v>861</v>
      </c>
      <c r="F778" s="6" t="s">
        <v>5462</v>
      </c>
      <c r="G778" s="3" t="s">
        <v>16</v>
      </c>
      <c r="H778" s="3" t="s">
        <v>17</v>
      </c>
      <c r="I778" s="3" t="s">
        <v>18</v>
      </c>
      <c r="J778" s="3" t="s">
        <v>5463</v>
      </c>
      <c r="K778" s="4">
        <v>43381</v>
      </c>
    </row>
    <row r="779" spans="1:11" ht="135" x14ac:dyDescent="0.25">
      <c r="A779" s="6" t="s">
        <v>140</v>
      </c>
      <c r="B779" s="8" t="s">
        <v>12</v>
      </c>
      <c r="C779" s="8" t="s">
        <v>97</v>
      </c>
      <c r="D779" s="8">
        <v>1661</v>
      </c>
      <c r="E779" s="3" t="s">
        <v>141</v>
      </c>
      <c r="F779" s="6" t="s">
        <v>142</v>
      </c>
      <c r="G779" s="3" t="s">
        <v>16</v>
      </c>
      <c r="H779" s="3" t="s">
        <v>24</v>
      </c>
      <c r="I779" s="3" t="s">
        <v>57</v>
      </c>
      <c r="J779" s="3" t="s">
        <v>143</v>
      </c>
      <c r="K779" s="4">
        <v>43379</v>
      </c>
    </row>
    <row r="780" spans="1:11" ht="60" x14ac:dyDescent="0.25">
      <c r="A780" s="6" t="s">
        <v>359</v>
      </c>
      <c r="B780" s="8" t="s">
        <v>12</v>
      </c>
      <c r="C780" s="8" t="s">
        <v>360</v>
      </c>
      <c r="D780" s="8">
        <v>1576</v>
      </c>
      <c r="E780" s="3" t="s">
        <v>361</v>
      </c>
      <c r="F780" s="6" t="s">
        <v>362</v>
      </c>
      <c r="G780" s="3" t="s">
        <v>16</v>
      </c>
      <c r="H780" s="3" t="s">
        <v>24</v>
      </c>
      <c r="I780" s="3" t="s">
        <v>62</v>
      </c>
      <c r="J780" s="3" t="s">
        <v>363</v>
      </c>
      <c r="K780" s="4">
        <v>43379</v>
      </c>
    </row>
    <row r="781" spans="1:11" ht="30" x14ac:dyDescent="0.25">
      <c r="A781" s="6" t="s">
        <v>1153</v>
      </c>
      <c r="B781" s="8" t="s">
        <v>12</v>
      </c>
      <c r="C781" s="8" t="s">
        <v>428</v>
      </c>
      <c r="D781" s="8">
        <v>1563</v>
      </c>
      <c r="E781" s="3" t="s">
        <v>1154</v>
      </c>
      <c r="F781" s="6" t="s">
        <v>1155</v>
      </c>
      <c r="G781" s="3" t="s">
        <v>16</v>
      </c>
      <c r="H781" s="3" t="s">
        <v>24</v>
      </c>
      <c r="I781" s="3" t="s">
        <v>57</v>
      </c>
      <c r="J781" s="3" t="s">
        <v>1156</v>
      </c>
      <c r="K781" s="4">
        <v>43379</v>
      </c>
    </row>
    <row r="782" spans="1:11" ht="45" x14ac:dyDescent="0.25">
      <c r="A782" s="6" t="s">
        <v>1434</v>
      </c>
      <c r="B782" s="8" t="s">
        <v>12</v>
      </c>
      <c r="C782" s="8" t="s">
        <v>1435</v>
      </c>
      <c r="D782" s="8">
        <v>1586</v>
      </c>
      <c r="E782" s="3" t="s">
        <v>1436</v>
      </c>
      <c r="F782" s="6" t="s">
        <v>1437</v>
      </c>
      <c r="G782" s="3" t="s">
        <v>16</v>
      </c>
      <c r="H782" s="3" t="s">
        <v>24</v>
      </c>
      <c r="I782" s="3" t="s">
        <v>57</v>
      </c>
      <c r="J782" s="3" t="s">
        <v>1438</v>
      </c>
      <c r="K782" s="4">
        <v>43379</v>
      </c>
    </row>
    <row r="783" spans="1:11" ht="75" x14ac:dyDescent="0.25">
      <c r="A783" s="6" t="s">
        <v>1684</v>
      </c>
      <c r="B783" s="8" t="s">
        <v>12</v>
      </c>
      <c r="C783" s="8" t="s">
        <v>1685</v>
      </c>
      <c r="D783" s="8">
        <v>1827</v>
      </c>
      <c r="E783" s="3" t="s">
        <v>1686</v>
      </c>
      <c r="F783" s="6" t="s">
        <v>808</v>
      </c>
      <c r="G783" s="3" t="s">
        <v>16</v>
      </c>
      <c r="H783" s="3" t="s">
        <v>24</v>
      </c>
      <c r="I783" s="3" t="s">
        <v>18</v>
      </c>
      <c r="J783" s="3" t="s">
        <v>1687</v>
      </c>
      <c r="K783" s="4">
        <v>43379</v>
      </c>
    </row>
    <row r="784" spans="1:11" ht="90" x14ac:dyDescent="0.25">
      <c r="A784" s="6" t="s">
        <v>1708</v>
      </c>
      <c r="B784" s="8" t="s">
        <v>12</v>
      </c>
      <c r="C784" s="8" t="s">
        <v>34</v>
      </c>
      <c r="D784" s="8">
        <v>1772</v>
      </c>
      <c r="E784" s="3" t="s">
        <v>812</v>
      </c>
      <c r="F784" s="6" t="s">
        <v>1709</v>
      </c>
      <c r="G784" s="3" t="s">
        <v>16</v>
      </c>
      <c r="H784" s="3" t="s">
        <v>24</v>
      </c>
      <c r="I784" s="3" t="s">
        <v>18</v>
      </c>
      <c r="J784" s="3" t="s">
        <v>1710</v>
      </c>
      <c r="K784" s="4">
        <v>43379</v>
      </c>
    </row>
    <row r="785" spans="1:11" x14ac:dyDescent="0.25">
      <c r="A785" s="6" t="s">
        <v>1729</v>
      </c>
      <c r="B785" s="8" t="s">
        <v>12</v>
      </c>
      <c r="C785" s="8" t="s">
        <v>365</v>
      </c>
      <c r="D785" s="8">
        <v>1542</v>
      </c>
      <c r="E785" s="3" t="s">
        <v>1730</v>
      </c>
      <c r="F785" s="6" t="s">
        <v>1731</v>
      </c>
      <c r="G785" s="3" t="s">
        <v>16</v>
      </c>
      <c r="H785" s="3" t="s">
        <v>24</v>
      </c>
      <c r="I785" s="3" t="s">
        <v>52</v>
      </c>
      <c r="J785" s="3" t="s">
        <v>1732</v>
      </c>
      <c r="K785" s="4">
        <v>43379</v>
      </c>
    </row>
    <row r="786" spans="1:11" ht="105" x14ac:dyDescent="0.25">
      <c r="A786" s="6" t="s">
        <v>1939</v>
      </c>
      <c r="B786" s="8" t="s">
        <v>12</v>
      </c>
      <c r="C786" s="8" t="s">
        <v>1940</v>
      </c>
      <c r="D786" s="8">
        <v>1521</v>
      </c>
      <c r="E786" s="3" t="s">
        <v>1941</v>
      </c>
      <c r="F786" s="6" t="s">
        <v>1942</v>
      </c>
      <c r="G786" s="3" t="s">
        <v>16</v>
      </c>
      <c r="H786" s="3" t="s">
        <v>24</v>
      </c>
      <c r="I786" s="3" t="s">
        <v>57</v>
      </c>
      <c r="J786" s="3" t="s">
        <v>1943</v>
      </c>
      <c r="K786" s="4">
        <v>43379</v>
      </c>
    </row>
    <row r="787" spans="1:11" ht="210" x14ac:dyDescent="0.25">
      <c r="A787" s="6" t="s">
        <v>2179</v>
      </c>
      <c r="B787" s="8" t="s">
        <v>12</v>
      </c>
      <c r="C787" s="8">
        <v>1542</v>
      </c>
      <c r="D787" s="8">
        <v>1542</v>
      </c>
      <c r="E787" s="3" t="s">
        <v>2180</v>
      </c>
      <c r="F787" s="6" t="s">
        <v>2181</v>
      </c>
      <c r="G787" s="3" t="s">
        <v>16</v>
      </c>
      <c r="H787" s="3" t="s">
        <v>24</v>
      </c>
      <c r="I787" s="3" t="s">
        <v>388</v>
      </c>
      <c r="J787" s="3" t="s">
        <v>2182</v>
      </c>
      <c r="K787" s="4">
        <v>43379</v>
      </c>
    </row>
    <row r="788" spans="1:11" ht="150" x14ac:dyDescent="0.25">
      <c r="A788" s="6" t="s">
        <v>2183</v>
      </c>
      <c r="B788" s="8" t="s">
        <v>12</v>
      </c>
      <c r="C788" s="8" t="s">
        <v>2184</v>
      </c>
      <c r="D788" s="8">
        <v>1621</v>
      </c>
      <c r="E788" s="3" t="s">
        <v>2185</v>
      </c>
      <c r="F788" s="6" t="s">
        <v>2186</v>
      </c>
      <c r="G788" s="3" t="s">
        <v>16</v>
      </c>
      <c r="H788" s="3" t="s">
        <v>24</v>
      </c>
      <c r="I788" s="3" t="s">
        <v>57</v>
      </c>
      <c r="J788" s="3" t="s">
        <v>2187</v>
      </c>
      <c r="K788" s="4">
        <v>43379</v>
      </c>
    </row>
    <row r="789" spans="1:11" ht="30" x14ac:dyDescent="0.25">
      <c r="A789" s="6" t="s">
        <v>2320</v>
      </c>
      <c r="B789" s="8" t="s">
        <v>12</v>
      </c>
      <c r="C789" s="8" t="s">
        <v>13</v>
      </c>
      <c r="D789" s="8">
        <v>1701</v>
      </c>
      <c r="E789" s="3" t="s">
        <v>1105</v>
      </c>
      <c r="F789" s="6" t="s">
        <v>2321</v>
      </c>
      <c r="G789" s="3" t="s">
        <v>16</v>
      </c>
      <c r="H789" s="3" t="s">
        <v>24</v>
      </c>
      <c r="I789" s="3" t="s">
        <v>226</v>
      </c>
      <c r="J789" s="3" t="s">
        <v>2322</v>
      </c>
      <c r="K789" s="4">
        <v>43379</v>
      </c>
    </row>
    <row r="790" spans="1:11" ht="30" x14ac:dyDescent="0.25">
      <c r="A790" s="6" t="s">
        <v>3046</v>
      </c>
      <c r="B790" s="8" t="s">
        <v>12</v>
      </c>
      <c r="C790" s="8" t="s">
        <v>3047</v>
      </c>
      <c r="D790" s="8">
        <v>1594</v>
      </c>
      <c r="E790" s="3" t="s">
        <v>3048</v>
      </c>
      <c r="F790" s="6" t="s">
        <v>3049</v>
      </c>
      <c r="G790" s="3" t="s">
        <v>16</v>
      </c>
      <c r="H790" s="3" t="s">
        <v>24</v>
      </c>
      <c r="I790" s="3" t="s">
        <v>57</v>
      </c>
      <c r="J790" s="3" t="s">
        <v>3050</v>
      </c>
      <c r="K790" s="4">
        <v>43379</v>
      </c>
    </row>
    <row r="791" spans="1:11" ht="60" x14ac:dyDescent="0.25">
      <c r="A791" s="6" t="s">
        <v>3091</v>
      </c>
      <c r="B791" s="8" t="s">
        <v>12</v>
      </c>
      <c r="C791" s="8" t="s">
        <v>428</v>
      </c>
      <c r="D791" s="8">
        <v>1563</v>
      </c>
      <c r="E791" s="3" t="s">
        <v>3092</v>
      </c>
      <c r="F791" s="6" t="s">
        <v>3093</v>
      </c>
      <c r="G791" s="3" t="s">
        <v>16</v>
      </c>
      <c r="H791" s="3" t="s">
        <v>24</v>
      </c>
      <c r="I791" s="3" t="s">
        <v>62</v>
      </c>
      <c r="J791" s="3" t="s">
        <v>3094</v>
      </c>
      <c r="K791" s="4">
        <v>43379</v>
      </c>
    </row>
    <row r="792" spans="1:11" ht="30" x14ac:dyDescent="0.25">
      <c r="A792" s="6" t="s">
        <v>3421</v>
      </c>
      <c r="B792" s="8" t="s">
        <v>12</v>
      </c>
      <c r="C792" s="8" t="s">
        <v>13</v>
      </c>
      <c r="D792" s="8">
        <v>1639</v>
      </c>
      <c r="E792" s="3" t="s">
        <v>3422</v>
      </c>
      <c r="F792" s="6" t="s">
        <v>3423</v>
      </c>
      <c r="G792" s="3" t="s">
        <v>16</v>
      </c>
      <c r="H792" s="3" t="s">
        <v>24</v>
      </c>
      <c r="I792" s="3" t="s">
        <v>52</v>
      </c>
      <c r="J792" s="3" t="s">
        <v>3424</v>
      </c>
      <c r="K792" s="4">
        <v>43379</v>
      </c>
    </row>
    <row r="793" spans="1:11" ht="75" x14ac:dyDescent="0.25">
      <c r="A793" s="6" t="s">
        <v>3450</v>
      </c>
      <c r="B793" s="8" t="s">
        <v>12</v>
      </c>
      <c r="C793" s="8" t="s">
        <v>1280</v>
      </c>
      <c r="D793" s="8">
        <v>1844</v>
      </c>
      <c r="E793" s="3" t="s">
        <v>1281</v>
      </c>
      <c r="F793" s="6" t="s">
        <v>808</v>
      </c>
      <c r="G793" s="3" t="s">
        <v>16</v>
      </c>
      <c r="H793" s="3" t="s">
        <v>24</v>
      </c>
      <c r="I793" s="3" t="s">
        <v>57</v>
      </c>
      <c r="J793" s="3" t="s">
        <v>1283</v>
      </c>
      <c r="K793" s="4">
        <v>43379</v>
      </c>
    </row>
    <row r="794" spans="1:11" ht="30" x14ac:dyDescent="0.25">
      <c r="A794" s="6" t="s">
        <v>3863</v>
      </c>
      <c r="B794" s="8" t="s">
        <v>12</v>
      </c>
      <c r="C794" s="8" t="s">
        <v>3864</v>
      </c>
      <c r="D794" s="8">
        <v>1640</v>
      </c>
      <c r="E794" s="3" t="s">
        <v>3865</v>
      </c>
      <c r="F794" s="6" t="s">
        <v>3866</v>
      </c>
      <c r="G794" s="3" t="s">
        <v>16</v>
      </c>
      <c r="H794" s="3" t="s">
        <v>24</v>
      </c>
      <c r="I794" s="3" t="s">
        <v>52</v>
      </c>
      <c r="J794" s="3" t="s">
        <v>3867</v>
      </c>
      <c r="K794" s="4">
        <v>43379</v>
      </c>
    </row>
    <row r="795" spans="1:11" ht="120" x14ac:dyDescent="0.25">
      <c r="A795" s="6" t="s">
        <v>3990</v>
      </c>
      <c r="B795" s="8" t="s">
        <v>12</v>
      </c>
      <c r="C795" s="8" t="s">
        <v>217</v>
      </c>
      <c r="D795" s="8">
        <v>1567</v>
      </c>
      <c r="E795" s="3" t="s">
        <v>3160</v>
      </c>
      <c r="F795" s="6" t="s">
        <v>3991</v>
      </c>
      <c r="G795" s="3" t="s">
        <v>16</v>
      </c>
      <c r="H795" s="3" t="s">
        <v>24</v>
      </c>
      <c r="I795" s="3" t="s">
        <v>62</v>
      </c>
      <c r="J795" s="3" t="s">
        <v>3992</v>
      </c>
      <c r="K795" s="4">
        <v>43379</v>
      </c>
    </row>
    <row r="796" spans="1:11" ht="30" x14ac:dyDescent="0.25">
      <c r="A796" s="6" t="s">
        <v>4301</v>
      </c>
      <c r="B796" s="8" t="s">
        <v>12</v>
      </c>
      <c r="C796" s="8" t="s">
        <v>1005</v>
      </c>
      <c r="D796" s="8">
        <v>1757</v>
      </c>
      <c r="E796" s="3" t="s">
        <v>4302</v>
      </c>
      <c r="F796" s="6" t="s">
        <v>4303</v>
      </c>
      <c r="G796" s="3" t="s">
        <v>16</v>
      </c>
      <c r="H796" s="3" t="s">
        <v>24</v>
      </c>
      <c r="I796" s="3" t="s">
        <v>57</v>
      </c>
      <c r="J796" s="3" t="s">
        <v>4304</v>
      </c>
      <c r="K796" s="4">
        <v>43379</v>
      </c>
    </row>
    <row r="797" spans="1:11" x14ac:dyDescent="0.25">
      <c r="A797" s="6" t="s">
        <v>4354</v>
      </c>
      <c r="B797" s="8" t="s">
        <v>12</v>
      </c>
      <c r="C797" s="8" t="s">
        <v>13</v>
      </c>
      <c r="D797" s="8">
        <v>1701</v>
      </c>
      <c r="E797" s="3" t="s">
        <v>1105</v>
      </c>
      <c r="F797" s="6" t="s">
        <v>4355</v>
      </c>
      <c r="G797" s="3" t="s">
        <v>16</v>
      </c>
      <c r="H797" s="3" t="s">
        <v>24</v>
      </c>
      <c r="I797" s="3" t="s">
        <v>226</v>
      </c>
      <c r="J797" s="3" t="s">
        <v>4356</v>
      </c>
      <c r="K797" s="4">
        <v>43379</v>
      </c>
    </row>
    <row r="798" spans="1:11" ht="135" x14ac:dyDescent="0.25">
      <c r="A798" s="6" t="s">
        <v>4847</v>
      </c>
      <c r="B798" s="8" t="s">
        <v>12</v>
      </c>
      <c r="C798" s="8" t="s">
        <v>4848</v>
      </c>
      <c r="D798" s="8">
        <v>1581</v>
      </c>
      <c r="E798" s="3" t="s">
        <v>13</v>
      </c>
      <c r="F798" s="6" t="s">
        <v>4849</v>
      </c>
      <c r="G798" s="3" t="s">
        <v>16</v>
      </c>
      <c r="H798" s="3" t="s">
        <v>24</v>
      </c>
      <c r="I798" s="3" t="s">
        <v>57</v>
      </c>
      <c r="J798" s="3" t="s">
        <v>4850</v>
      </c>
      <c r="K798" s="4">
        <v>43379</v>
      </c>
    </row>
    <row r="799" spans="1:11" ht="135" x14ac:dyDescent="0.25">
      <c r="A799" s="6" t="s">
        <v>4895</v>
      </c>
      <c r="B799" s="8" t="s">
        <v>12</v>
      </c>
      <c r="C799" s="8" t="s">
        <v>13</v>
      </c>
      <c r="D799" s="8">
        <v>1505</v>
      </c>
      <c r="E799" s="3" t="s">
        <v>4896</v>
      </c>
      <c r="F799" s="6" t="s">
        <v>4897</v>
      </c>
      <c r="G799" s="3" t="s">
        <v>16</v>
      </c>
      <c r="H799" s="3" t="s">
        <v>24</v>
      </c>
      <c r="I799" s="3" t="s">
        <v>57</v>
      </c>
      <c r="J799" s="3" t="s">
        <v>4898</v>
      </c>
      <c r="K799" s="4">
        <v>43379</v>
      </c>
    </row>
    <row r="800" spans="1:11" ht="45" x14ac:dyDescent="0.25">
      <c r="A800" s="6" t="s">
        <v>806</v>
      </c>
      <c r="B800" s="8" t="s">
        <v>12</v>
      </c>
      <c r="C800" s="8" t="s">
        <v>670</v>
      </c>
      <c r="D800" s="8">
        <v>1845</v>
      </c>
      <c r="E800" s="3" t="s">
        <v>807</v>
      </c>
      <c r="F800" s="6" t="s">
        <v>4992</v>
      </c>
      <c r="G800" s="3" t="s">
        <v>16</v>
      </c>
      <c r="H800" s="3" t="s">
        <v>24</v>
      </c>
      <c r="I800" s="3" t="s">
        <v>57</v>
      </c>
      <c r="J800" s="3" t="s">
        <v>810</v>
      </c>
      <c r="K800" s="4">
        <v>43379</v>
      </c>
    </row>
    <row r="801" spans="1:11" ht="105" x14ac:dyDescent="0.25">
      <c r="A801" s="6" t="s">
        <v>5001</v>
      </c>
      <c r="B801" s="8" t="s">
        <v>12</v>
      </c>
      <c r="C801" s="8">
        <v>1570</v>
      </c>
      <c r="D801" s="8">
        <v>1570</v>
      </c>
      <c r="E801" s="3" t="s">
        <v>5002</v>
      </c>
      <c r="F801" s="6" t="s">
        <v>5003</v>
      </c>
      <c r="G801" s="3" t="s">
        <v>16</v>
      </c>
      <c r="H801" s="3" t="s">
        <v>24</v>
      </c>
      <c r="I801" s="3" t="s">
        <v>171</v>
      </c>
      <c r="J801" s="3" t="s">
        <v>3775</v>
      </c>
      <c r="K801" s="4">
        <v>43379</v>
      </c>
    </row>
    <row r="802" spans="1:11" ht="30" x14ac:dyDescent="0.25">
      <c r="A802" s="6" t="s">
        <v>87</v>
      </c>
      <c r="B802" s="8" t="s">
        <v>12</v>
      </c>
      <c r="C802" s="8" t="s">
        <v>88</v>
      </c>
      <c r="D802" s="8">
        <v>1599</v>
      </c>
      <c r="E802" s="3" t="s">
        <v>89</v>
      </c>
      <c r="F802" s="6" t="s">
        <v>90</v>
      </c>
      <c r="G802" s="3" t="s">
        <v>16</v>
      </c>
      <c r="H802" s="3" t="s">
        <v>24</v>
      </c>
      <c r="I802" s="3" t="s">
        <v>57</v>
      </c>
      <c r="J802" s="3" t="s">
        <v>91</v>
      </c>
      <c r="K802" s="4">
        <v>43378</v>
      </c>
    </row>
    <row r="803" spans="1:11" ht="90" x14ac:dyDescent="0.25">
      <c r="A803" s="6" t="s">
        <v>92</v>
      </c>
      <c r="B803" s="8" t="s">
        <v>12</v>
      </c>
      <c r="C803" s="8" t="s">
        <v>13</v>
      </c>
      <c r="D803" s="8">
        <v>1514</v>
      </c>
      <c r="E803" s="3" t="s">
        <v>93</v>
      </c>
      <c r="F803" s="6" t="s">
        <v>94</v>
      </c>
      <c r="G803" s="3" t="s">
        <v>16</v>
      </c>
      <c r="H803" s="3" t="s">
        <v>24</v>
      </c>
      <c r="I803" s="3" t="s">
        <v>57</v>
      </c>
      <c r="J803" s="3" t="s">
        <v>95</v>
      </c>
      <c r="K803" s="4">
        <v>43378</v>
      </c>
    </row>
    <row r="804" spans="1:11" x14ac:dyDescent="0.25">
      <c r="A804" s="6" t="s">
        <v>129</v>
      </c>
      <c r="B804" s="8" t="s">
        <v>12</v>
      </c>
      <c r="C804" s="8" t="s">
        <v>130</v>
      </c>
      <c r="D804" s="8" t="s">
        <v>131</v>
      </c>
      <c r="E804" s="3" t="s">
        <v>132</v>
      </c>
      <c r="F804" s="6" t="s">
        <v>133</v>
      </c>
      <c r="G804" s="3" t="s">
        <v>16</v>
      </c>
      <c r="H804" s="3" t="s">
        <v>17</v>
      </c>
      <c r="I804" s="3" t="s">
        <v>18</v>
      </c>
      <c r="J804" s="3"/>
      <c r="K804" s="4">
        <v>43378</v>
      </c>
    </row>
    <row r="805" spans="1:11" ht="60" x14ac:dyDescent="0.25">
      <c r="A805" s="6" t="s">
        <v>205</v>
      </c>
      <c r="B805" s="8" t="s">
        <v>12</v>
      </c>
      <c r="C805" s="8" t="s">
        <v>206</v>
      </c>
      <c r="D805" s="8">
        <v>1747</v>
      </c>
      <c r="E805" s="3" t="s">
        <v>207</v>
      </c>
      <c r="F805" s="6" t="s">
        <v>208</v>
      </c>
      <c r="G805" s="3" t="s">
        <v>16</v>
      </c>
      <c r="H805" s="3" t="s">
        <v>24</v>
      </c>
      <c r="I805" s="3" t="s">
        <v>18</v>
      </c>
      <c r="J805" s="3" t="s">
        <v>209</v>
      </c>
      <c r="K805" s="4">
        <v>43378</v>
      </c>
    </row>
    <row r="806" spans="1:11" ht="45" x14ac:dyDescent="0.25">
      <c r="A806" s="6" t="s">
        <v>304</v>
      </c>
      <c r="B806" s="8" t="s">
        <v>12</v>
      </c>
      <c r="C806" s="8" t="s">
        <v>305</v>
      </c>
      <c r="D806" s="8">
        <v>1755</v>
      </c>
      <c r="E806" s="3" t="s">
        <v>306</v>
      </c>
      <c r="F806" s="6" t="s">
        <v>307</v>
      </c>
      <c r="G806" s="3" t="s">
        <v>16</v>
      </c>
      <c r="H806" s="3" t="s">
        <v>24</v>
      </c>
      <c r="I806" s="3" t="s">
        <v>18</v>
      </c>
      <c r="J806" s="3" t="s">
        <v>308</v>
      </c>
      <c r="K806" s="4">
        <v>43378</v>
      </c>
    </row>
    <row r="807" spans="1:11" ht="60" x14ac:dyDescent="0.25">
      <c r="A807" s="6" t="s">
        <v>327</v>
      </c>
      <c r="B807" s="8" t="s">
        <v>12</v>
      </c>
      <c r="C807" s="8" t="s">
        <v>13</v>
      </c>
      <c r="D807" s="8">
        <v>1854</v>
      </c>
      <c r="E807" s="3" t="s">
        <v>13</v>
      </c>
      <c r="F807" s="6" t="s">
        <v>328</v>
      </c>
      <c r="G807" s="3" t="s">
        <v>16</v>
      </c>
      <c r="H807" s="3" t="s">
        <v>17</v>
      </c>
      <c r="I807" s="3" t="s">
        <v>57</v>
      </c>
      <c r="J807" s="3" t="s">
        <v>329</v>
      </c>
      <c r="K807" s="4">
        <v>43378</v>
      </c>
    </row>
    <row r="808" spans="1:11" ht="30" x14ac:dyDescent="0.25">
      <c r="A808" s="6" t="s">
        <v>347</v>
      </c>
      <c r="B808" s="8" t="s">
        <v>12</v>
      </c>
      <c r="C808" s="8" t="s">
        <v>305</v>
      </c>
      <c r="D808" s="8">
        <v>1755</v>
      </c>
      <c r="E808" s="3" t="s">
        <v>348</v>
      </c>
      <c r="F808" s="6" t="s">
        <v>349</v>
      </c>
      <c r="G808" s="3" t="s">
        <v>16</v>
      </c>
      <c r="H808" s="3" t="s">
        <v>24</v>
      </c>
      <c r="I808" s="3" t="s">
        <v>350</v>
      </c>
      <c r="J808" s="3" t="s">
        <v>351</v>
      </c>
      <c r="K808" s="4">
        <v>43378</v>
      </c>
    </row>
    <row r="809" spans="1:11" ht="210" x14ac:dyDescent="0.25">
      <c r="A809" s="6" t="s">
        <v>427</v>
      </c>
      <c r="B809" s="8" t="s">
        <v>12</v>
      </c>
      <c r="C809" s="8" t="s">
        <v>428</v>
      </c>
      <c r="D809" s="8">
        <v>1563</v>
      </c>
      <c r="E809" s="3" t="s">
        <v>257</v>
      </c>
      <c r="F809" s="6" t="s">
        <v>429</v>
      </c>
      <c r="G809" s="3" t="s">
        <v>16</v>
      </c>
      <c r="H809" s="3" t="s">
        <v>24</v>
      </c>
      <c r="I809" s="3" t="s">
        <v>171</v>
      </c>
      <c r="J809" s="3" t="s">
        <v>430</v>
      </c>
      <c r="K809" s="4">
        <v>43378</v>
      </c>
    </row>
    <row r="810" spans="1:11" ht="60" x14ac:dyDescent="0.25">
      <c r="A810" s="6" t="s">
        <v>501</v>
      </c>
      <c r="B810" s="8" t="s">
        <v>12</v>
      </c>
      <c r="C810" s="8" t="s">
        <v>502</v>
      </c>
      <c r="D810" s="8">
        <v>1769</v>
      </c>
      <c r="E810" s="3" t="s">
        <v>503</v>
      </c>
      <c r="F810" s="6" t="s">
        <v>504</v>
      </c>
      <c r="G810" s="3" t="s">
        <v>16</v>
      </c>
      <c r="H810" s="3" t="s">
        <v>24</v>
      </c>
      <c r="I810" s="3" t="s">
        <v>18</v>
      </c>
      <c r="J810" s="3" t="s">
        <v>505</v>
      </c>
      <c r="K810" s="4">
        <v>43378</v>
      </c>
    </row>
    <row r="811" spans="1:11" ht="135" x14ac:dyDescent="0.25">
      <c r="A811" s="6" t="s">
        <v>585</v>
      </c>
      <c r="B811" s="8" t="s">
        <v>12</v>
      </c>
      <c r="C811" s="8">
        <v>1840</v>
      </c>
      <c r="D811" s="8">
        <v>1840</v>
      </c>
      <c r="E811" s="3" t="s">
        <v>586</v>
      </c>
      <c r="F811" s="6" t="s">
        <v>587</v>
      </c>
      <c r="G811" s="3" t="s">
        <v>16</v>
      </c>
      <c r="H811" s="3" t="s">
        <v>17</v>
      </c>
      <c r="I811" s="3" t="s">
        <v>588</v>
      </c>
      <c r="J811" s="3" t="s">
        <v>13</v>
      </c>
      <c r="K811" s="4">
        <v>43378</v>
      </c>
    </row>
    <row r="812" spans="1:11" ht="60" x14ac:dyDescent="0.25">
      <c r="A812" s="6" t="s">
        <v>631</v>
      </c>
      <c r="B812" s="8" t="s">
        <v>12</v>
      </c>
      <c r="C812" s="8" t="s">
        <v>13</v>
      </c>
      <c r="D812" s="8">
        <v>1751</v>
      </c>
      <c r="E812" s="3" t="s">
        <v>632</v>
      </c>
      <c r="F812" s="6" t="s">
        <v>633</v>
      </c>
      <c r="G812" s="3" t="s">
        <v>16</v>
      </c>
      <c r="H812" s="3" t="s">
        <v>24</v>
      </c>
      <c r="I812" s="3" t="s">
        <v>18</v>
      </c>
      <c r="J812" s="3" t="s">
        <v>634</v>
      </c>
      <c r="K812" s="4">
        <v>43378</v>
      </c>
    </row>
    <row r="813" spans="1:11" ht="75" x14ac:dyDescent="0.25">
      <c r="A813" s="6" t="s">
        <v>659</v>
      </c>
      <c r="B813" s="8" t="s">
        <v>12</v>
      </c>
      <c r="C813" s="8">
        <v>1538</v>
      </c>
      <c r="D813" s="8">
        <v>1538</v>
      </c>
      <c r="E813" s="3" t="s">
        <v>660</v>
      </c>
      <c r="F813" s="6" t="s">
        <v>661</v>
      </c>
      <c r="G813" s="3" t="s">
        <v>16</v>
      </c>
      <c r="H813" s="3" t="s">
        <v>24</v>
      </c>
      <c r="I813" s="3" t="s">
        <v>52</v>
      </c>
      <c r="J813" s="3" t="s">
        <v>662</v>
      </c>
      <c r="K813" s="4">
        <v>43378</v>
      </c>
    </row>
    <row r="814" spans="1:11" ht="60" x14ac:dyDescent="0.25">
      <c r="A814" s="6" t="s">
        <v>735</v>
      </c>
      <c r="B814" s="8" t="s">
        <v>12</v>
      </c>
      <c r="C814" s="8" t="s">
        <v>736</v>
      </c>
      <c r="D814" s="8">
        <v>1663</v>
      </c>
      <c r="E814" s="3" t="s">
        <v>737</v>
      </c>
      <c r="F814" s="6" t="s">
        <v>738</v>
      </c>
      <c r="G814" s="3" t="s">
        <v>16</v>
      </c>
      <c r="H814" s="3" t="s">
        <v>24</v>
      </c>
      <c r="I814" s="3" t="s">
        <v>739</v>
      </c>
      <c r="J814" s="3" t="s">
        <v>740</v>
      </c>
      <c r="K814" s="4">
        <v>43378</v>
      </c>
    </row>
    <row r="815" spans="1:11" ht="30" x14ac:dyDescent="0.25">
      <c r="A815" s="6" t="s">
        <v>953</v>
      </c>
      <c r="B815" s="8" t="s">
        <v>12</v>
      </c>
      <c r="C815" s="8" t="s">
        <v>954</v>
      </c>
      <c r="D815" s="8">
        <v>1591</v>
      </c>
      <c r="E815" s="3" t="s">
        <v>955</v>
      </c>
      <c r="F815" s="6" t="s">
        <v>956</v>
      </c>
      <c r="G815" s="3" t="s">
        <v>16</v>
      </c>
      <c r="H815" s="3" t="s">
        <v>24</v>
      </c>
      <c r="I815" s="3" t="s">
        <v>957</v>
      </c>
      <c r="J815" s="3" t="s">
        <v>958</v>
      </c>
      <c r="K815" s="4">
        <v>43378</v>
      </c>
    </row>
    <row r="816" spans="1:11" ht="120" x14ac:dyDescent="0.25">
      <c r="A816" s="6" t="s">
        <v>1045</v>
      </c>
      <c r="B816" s="8" t="s">
        <v>12</v>
      </c>
      <c r="C816" s="8" t="s">
        <v>13</v>
      </c>
      <c r="D816" s="8">
        <v>1809</v>
      </c>
      <c r="E816" s="3" t="s">
        <v>1046</v>
      </c>
      <c r="F816" s="6" t="s">
        <v>1047</v>
      </c>
      <c r="G816" s="3" t="s">
        <v>16</v>
      </c>
      <c r="H816" s="3" t="s">
        <v>17</v>
      </c>
      <c r="I816" s="3" t="s">
        <v>18</v>
      </c>
      <c r="J816" s="3" t="s">
        <v>1048</v>
      </c>
      <c r="K816" s="4">
        <v>43378</v>
      </c>
    </row>
    <row r="817" spans="1:11" ht="120" x14ac:dyDescent="0.25">
      <c r="A817" s="6" t="s">
        <v>1049</v>
      </c>
      <c r="B817" s="8" t="s">
        <v>12</v>
      </c>
      <c r="C817" s="8" t="s">
        <v>1050</v>
      </c>
      <c r="D817" s="8">
        <v>1580</v>
      </c>
      <c r="E817" s="3" t="s">
        <v>1051</v>
      </c>
      <c r="F817" s="6" t="s">
        <v>1052</v>
      </c>
      <c r="G817" s="3" t="s">
        <v>16</v>
      </c>
      <c r="H817" s="3" t="s">
        <v>24</v>
      </c>
      <c r="I817" s="3" t="s">
        <v>203</v>
      </c>
      <c r="J817" s="3" t="s">
        <v>1053</v>
      </c>
      <c r="K817" s="4">
        <v>43378</v>
      </c>
    </row>
    <row r="818" spans="1:11" ht="135" x14ac:dyDescent="0.25">
      <c r="A818" s="6" t="s">
        <v>1058</v>
      </c>
      <c r="B818" s="8" t="s">
        <v>12</v>
      </c>
      <c r="C818" s="8" t="s">
        <v>855</v>
      </c>
      <c r="D818" s="8">
        <v>1558</v>
      </c>
      <c r="E818" s="3" t="s">
        <v>1059</v>
      </c>
      <c r="F818" s="6" t="s">
        <v>1060</v>
      </c>
      <c r="G818" s="3" t="s">
        <v>16</v>
      </c>
      <c r="H818" s="3" t="s">
        <v>24</v>
      </c>
      <c r="I818" s="3" t="s">
        <v>264</v>
      </c>
      <c r="J818" s="3" t="s">
        <v>1061</v>
      </c>
      <c r="K818" s="4">
        <v>43378</v>
      </c>
    </row>
    <row r="819" spans="1:11" ht="30" x14ac:dyDescent="0.25">
      <c r="A819" s="6" t="s">
        <v>1085</v>
      </c>
      <c r="B819" s="8" t="s">
        <v>12</v>
      </c>
      <c r="C819" s="8" t="s">
        <v>1086</v>
      </c>
      <c r="D819" s="8">
        <v>1529</v>
      </c>
      <c r="E819" s="3" t="s">
        <v>1087</v>
      </c>
      <c r="F819" s="6" t="s">
        <v>1088</v>
      </c>
      <c r="G819" s="3" t="s">
        <v>16</v>
      </c>
      <c r="H819" s="3" t="s">
        <v>24</v>
      </c>
      <c r="I819" s="3" t="s">
        <v>858</v>
      </c>
      <c r="J819" s="3" t="s">
        <v>13</v>
      </c>
      <c r="K819" s="4">
        <v>43378</v>
      </c>
    </row>
    <row r="820" spans="1:11" ht="60" x14ac:dyDescent="0.25">
      <c r="A820" s="6" t="s">
        <v>1138</v>
      </c>
      <c r="B820" s="8" t="s">
        <v>12</v>
      </c>
      <c r="C820" s="8">
        <v>1531</v>
      </c>
      <c r="D820" s="8">
        <v>1531</v>
      </c>
      <c r="E820" s="3" t="s">
        <v>1139</v>
      </c>
      <c r="F820" s="6" t="s">
        <v>1140</v>
      </c>
      <c r="G820" s="3" t="s">
        <v>16</v>
      </c>
      <c r="H820" s="3" t="s">
        <v>24</v>
      </c>
      <c r="I820" s="3" t="s">
        <v>52</v>
      </c>
      <c r="J820" s="3" t="s">
        <v>1141</v>
      </c>
      <c r="K820" s="4">
        <v>43378</v>
      </c>
    </row>
    <row r="821" spans="1:11" ht="30" x14ac:dyDescent="0.25">
      <c r="A821" s="6" t="s">
        <v>1204</v>
      </c>
      <c r="B821" s="8" t="s">
        <v>12</v>
      </c>
      <c r="C821" s="8" t="s">
        <v>13</v>
      </c>
      <c r="D821" s="8">
        <v>1520</v>
      </c>
      <c r="E821" s="3" t="s">
        <v>1205</v>
      </c>
      <c r="F821" s="6" t="s">
        <v>1206</v>
      </c>
      <c r="G821" s="3" t="s">
        <v>16</v>
      </c>
      <c r="H821" s="3" t="s">
        <v>24</v>
      </c>
      <c r="I821" s="3" t="s">
        <v>52</v>
      </c>
      <c r="J821" s="3" t="s">
        <v>1207</v>
      </c>
      <c r="K821" s="4">
        <v>43378</v>
      </c>
    </row>
    <row r="822" spans="1:11" ht="45" x14ac:dyDescent="0.25">
      <c r="A822" s="6" t="s">
        <v>1235</v>
      </c>
      <c r="B822" s="8" t="s">
        <v>12</v>
      </c>
      <c r="C822" s="8" t="s">
        <v>1236</v>
      </c>
      <c r="D822" s="8">
        <v>1660</v>
      </c>
      <c r="E822" s="3" t="s">
        <v>1237</v>
      </c>
      <c r="F822" s="6" t="s">
        <v>1238</v>
      </c>
      <c r="G822" s="3" t="s">
        <v>16</v>
      </c>
      <c r="H822" s="3" t="s">
        <v>30</v>
      </c>
      <c r="I822" s="3" t="s">
        <v>18</v>
      </c>
      <c r="J822" s="3" t="s">
        <v>1239</v>
      </c>
      <c r="K822" s="4">
        <v>43378</v>
      </c>
    </row>
    <row r="823" spans="1:11" ht="165" x14ac:dyDescent="0.25">
      <c r="A823" s="6" t="s">
        <v>1240</v>
      </c>
      <c r="B823" s="8" t="s">
        <v>12</v>
      </c>
      <c r="C823" s="8" t="s">
        <v>1241</v>
      </c>
      <c r="D823" s="8">
        <v>1575</v>
      </c>
      <c r="E823" s="3" t="s">
        <v>1242</v>
      </c>
      <c r="F823" s="6" t="s">
        <v>1243</v>
      </c>
      <c r="G823" s="3" t="s">
        <v>16</v>
      </c>
      <c r="H823" s="3" t="s">
        <v>24</v>
      </c>
      <c r="I823" s="3" t="s">
        <v>25</v>
      </c>
      <c r="J823" s="3" t="s">
        <v>1244</v>
      </c>
      <c r="K823" s="4">
        <v>43378</v>
      </c>
    </row>
    <row r="824" spans="1:11" ht="45" x14ac:dyDescent="0.25">
      <c r="A824" s="6" t="s">
        <v>1245</v>
      </c>
      <c r="B824" s="8" t="s">
        <v>12</v>
      </c>
      <c r="C824" s="8" t="s">
        <v>13</v>
      </c>
      <c r="D824" s="8">
        <v>1851</v>
      </c>
      <c r="E824" s="3" t="s">
        <v>1246</v>
      </c>
      <c r="F824" s="6" t="s">
        <v>1247</v>
      </c>
      <c r="G824" s="3" t="s">
        <v>16</v>
      </c>
      <c r="H824" s="3" t="s">
        <v>17</v>
      </c>
      <c r="I824" s="3" t="s">
        <v>57</v>
      </c>
      <c r="J824" s="3" t="s">
        <v>1248</v>
      </c>
      <c r="K824" s="4">
        <v>43378</v>
      </c>
    </row>
    <row r="825" spans="1:11" ht="120" x14ac:dyDescent="0.25">
      <c r="A825" s="6" t="s">
        <v>1288</v>
      </c>
      <c r="B825" s="8" t="s">
        <v>12</v>
      </c>
      <c r="C825" s="8" t="s">
        <v>1289</v>
      </c>
      <c r="D825" s="8">
        <v>1598</v>
      </c>
      <c r="E825" s="3" t="s">
        <v>1290</v>
      </c>
      <c r="F825" s="6" t="s">
        <v>1291</v>
      </c>
      <c r="G825" s="3" t="s">
        <v>16</v>
      </c>
      <c r="H825" s="3" t="s">
        <v>30</v>
      </c>
      <c r="I825" s="3" t="s">
        <v>220</v>
      </c>
      <c r="J825" s="3" t="s">
        <v>1292</v>
      </c>
      <c r="K825" s="4">
        <v>43378</v>
      </c>
    </row>
    <row r="826" spans="1:11" ht="60" x14ac:dyDescent="0.25">
      <c r="A826" s="6" t="s">
        <v>1325</v>
      </c>
      <c r="B826" s="8" t="s">
        <v>12</v>
      </c>
      <c r="C826" s="8" t="s">
        <v>1326</v>
      </c>
      <c r="D826" s="8">
        <v>1775</v>
      </c>
      <c r="E826" s="3" t="s">
        <v>1327</v>
      </c>
      <c r="F826" s="6" t="s">
        <v>1328</v>
      </c>
      <c r="G826" s="3" t="s">
        <v>16</v>
      </c>
      <c r="H826" s="3" t="s">
        <v>24</v>
      </c>
      <c r="I826" s="3" t="s">
        <v>18</v>
      </c>
      <c r="J826" s="3" t="s">
        <v>1329</v>
      </c>
      <c r="K826" s="4">
        <v>43378</v>
      </c>
    </row>
    <row r="827" spans="1:11" ht="30" x14ac:dyDescent="0.25">
      <c r="A827" s="6" t="s">
        <v>1348</v>
      </c>
      <c r="B827" s="8" t="s">
        <v>12</v>
      </c>
      <c r="C827" s="8" t="s">
        <v>1349</v>
      </c>
      <c r="D827" s="8">
        <v>1683</v>
      </c>
      <c r="E827" s="3" t="s">
        <v>1350</v>
      </c>
      <c r="F827" s="6" t="s">
        <v>1351</v>
      </c>
      <c r="G827" s="3" t="s">
        <v>16</v>
      </c>
      <c r="H827" s="3" t="s">
        <v>24</v>
      </c>
      <c r="I827" s="3" t="s">
        <v>18</v>
      </c>
      <c r="J827" s="3" t="s">
        <v>1352</v>
      </c>
      <c r="K827" s="4">
        <v>43378</v>
      </c>
    </row>
    <row r="828" spans="1:11" ht="30" x14ac:dyDescent="0.25">
      <c r="A828" s="6" t="s">
        <v>1380</v>
      </c>
      <c r="B828" s="8" t="s">
        <v>12</v>
      </c>
      <c r="C828" s="8" t="s">
        <v>1381</v>
      </c>
      <c r="D828" s="8">
        <v>1540</v>
      </c>
      <c r="E828" s="3" t="s">
        <v>1382</v>
      </c>
      <c r="F828" s="6" t="s">
        <v>1206</v>
      </c>
      <c r="G828" s="3" t="s">
        <v>16</v>
      </c>
      <c r="H828" s="3" t="s">
        <v>24</v>
      </c>
      <c r="I828" s="3" t="s">
        <v>52</v>
      </c>
      <c r="J828" s="3" t="s">
        <v>1383</v>
      </c>
      <c r="K828" s="4">
        <v>43378</v>
      </c>
    </row>
    <row r="829" spans="1:11" ht="75" x14ac:dyDescent="0.25">
      <c r="A829" s="6" t="s">
        <v>1515</v>
      </c>
      <c r="B829" s="8" t="s">
        <v>12</v>
      </c>
      <c r="C829" s="8" t="s">
        <v>1516</v>
      </c>
      <c r="D829" s="8">
        <v>1825</v>
      </c>
      <c r="E829" s="3" t="s">
        <v>1517</v>
      </c>
      <c r="F829" s="6" t="s">
        <v>808</v>
      </c>
      <c r="G829" s="3" t="s">
        <v>16</v>
      </c>
      <c r="H829" s="3" t="s">
        <v>24</v>
      </c>
      <c r="I829" s="3" t="s">
        <v>18</v>
      </c>
      <c r="J829" s="3" t="s">
        <v>1519</v>
      </c>
      <c r="K829" s="4">
        <v>43378</v>
      </c>
    </row>
    <row r="830" spans="1:11" ht="30" x14ac:dyDescent="0.25">
      <c r="A830" s="6" t="s">
        <v>1542</v>
      </c>
      <c r="B830" s="8" t="s">
        <v>12</v>
      </c>
      <c r="C830" s="8" t="s">
        <v>1543</v>
      </c>
      <c r="D830" s="8">
        <v>1639</v>
      </c>
      <c r="E830" s="3" t="s">
        <v>1544</v>
      </c>
      <c r="F830" s="6" t="s">
        <v>1545</v>
      </c>
      <c r="G830" s="3" t="s">
        <v>16</v>
      </c>
      <c r="H830" s="3" t="s">
        <v>24</v>
      </c>
      <c r="I830" s="3" t="s">
        <v>52</v>
      </c>
      <c r="J830" s="3" t="s">
        <v>1546</v>
      </c>
      <c r="K830" s="4">
        <v>43378</v>
      </c>
    </row>
    <row r="831" spans="1:11" ht="60" x14ac:dyDescent="0.25">
      <c r="A831" s="6" t="s">
        <v>1578</v>
      </c>
      <c r="B831" s="8" t="s">
        <v>12</v>
      </c>
      <c r="C831" s="8" t="s">
        <v>996</v>
      </c>
      <c r="D831" s="8">
        <v>1860</v>
      </c>
      <c r="E831" s="3" t="s">
        <v>1579</v>
      </c>
      <c r="F831" s="6" t="s">
        <v>1580</v>
      </c>
      <c r="G831" s="3" t="s">
        <v>16</v>
      </c>
      <c r="H831" s="3" t="s">
        <v>24</v>
      </c>
      <c r="I831" s="3" t="s">
        <v>18</v>
      </c>
      <c r="J831" s="3" t="s">
        <v>1581</v>
      </c>
      <c r="K831" s="4">
        <v>43378</v>
      </c>
    </row>
    <row r="832" spans="1:11" ht="60" x14ac:dyDescent="0.25">
      <c r="A832" s="6" t="s">
        <v>1621</v>
      </c>
      <c r="B832" s="8" t="s">
        <v>12</v>
      </c>
      <c r="C832" s="8" t="s">
        <v>1622</v>
      </c>
      <c r="D832" s="8">
        <v>1828</v>
      </c>
      <c r="E832" s="3" t="s">
        <v>1623</v>
      </c>
      <c r="F832" s="6" t="s">
        <v>1624</v>
      </c>
      <c r="G832" s="3" t="s">
        <v>16</v>
      </c>
      <c r="H832" s="3" t="s">
        <v>24</v>
      </c>
      <c r="I832" s="3" t="s">
        <v>18</v>
      </c>
      <c r="J832" s="3" t="s">
        <v>1625</v>
      </c>
      <c r="K832" s="4">
        <v>43378</v>
      </c>
    </row>
    <row r="833" spans="1:11" ht="30" x14ac:dyDescent="0.25">
      <c r="A833" s="6" t="s">
        <v>1639</v>
      </c>
      <c r="B833" s="8" t="s">
        <v>12</v>
      </c>
      <c r="C833" s="8">
        <v>1564</v>
      </c>
      <c r="D833" s="8">
        <v>1564</v>
      </c>
      <c r="E833" s="3" t="s">
        <v>1640</v>
      </c>
      <c r="F833" s="6" t="s">
        <v>1641</v>
      </c>
      <c r="G833" s="3" t="s">
        <v>16</v>
      </c>
      <c r="H833" s="3" t="s">
        <v>24</v>
      </c>
      <c r="I833" s="3" t="s">
        <v>52</v>
      </c>
      <c r="J833" s="3" t="s">
        <v>1642</v>
      </c>
      <c r="K833" s="4">
        <v>43378</v>
      </c>
    </row>
    <row r="834" spans="1:11" ht="60" x14ac:dyDescent="0.25">
      <c r="A834" s="6" t="s">
        <v>1715</v>
      </c>
      <c r="B834" s="8" t="s">
        <v>12</v>
      </c>
      <c r="C834" s="8" t="s">
        <v>13</v>
      </c>
      <c r="D834" s="8">
        <v>1855</v>
      </c>
      <c r="E834" s="3" t="s">
        <v>1716</v>
      </c>
      <c r="F834" s="6" t="s">
        <v>1717</v>
      </c>
      <c r="G834" s="3" t="s">
        <v>16</v>
      </c>
      <c r="H834" s="3" t="s">
        <v>17</v>
      </c>
      <c r="I834" s="3" t="s">
        <v>18</v>
      </c>
      <c r="J834" s="3" t="s">
        <v>1718</v>
      </c>
      <c r="K834" s="4">
        <v>43378</v>
      </c>
    </row>
    <row r="835" spans="1:11" ht="195" x14ac:dyDescent="0.25">
      <c r="A835" s="6" t="s">
        <v>1924</v>
      </c>
      <c r="B835" s="8" t="s">
        <v>12</v>
      </c>
      <c r="C835" s="8">
        <v>1561</v>
      </c>
      <c r="D835" s="8">
        <v>1561</v>
      </c>
      <c r="E835" s="3" t="s">
        <v>780</v>
      </c>
      <c r="F835" s="6" t="s">
        <v>1925</v>
      </c>
      <c r="G835" s="3" t="s">
        <v>16</v>
      </c>
      <c r="H835" s="3" t="s">
        <v>24</v>
      </c>
      <c r="I835" s="3" t="s">
        <v>182</v>
      </c>
      <c r="J835" s="3" t="s">
        <v>430</v>
      </c>
      <c r="K835" s="4">
        <v>43378</v>
      </c>
    </row>
    <row r="836" spans="1:11" ht="60" x14ac:dyDescent="0.25">
      <c r="A836" s="6" t="s">
        <v>1932</v>
      </c>
      <c r="B836" s="8" t="s">
        <v>12</v>
      </c>
      <c r="C836" s="8" t="s">
        <v>1933</v>
      </c>
      <c r="D836" s="8" t="s">
        <v>1934</v>
      </c>
      <c r="E836" s="3" t="s">
        <v>1935</v>
      </c>
      <c r="F836" s="6" t="s">
        <v>1936</v>
      </c>
      <c r="G836" s="3" t="s">
        <v>16</v>
      </c>
      <c r="H836" s="3" t="s">
        <v>17</v>
      </c>
      <c r="I836" s="3" t="s">
        <v>1937</v>
      </c>
      <c r="J836" s="3" t="s">
        <v>1938</v>
      </c>
      <c r="K836" s="4">
        <v>43378</v>
      </c>
    </row>
    <row r="837" spans="1:11" ht="30" x14ac:dyDescent="0.25">
      <c r="A837" s="6" t="s">
        <v>2029</v>
      </c>
      <c r="B837" s="8" t="s">
        <v>12</v>
      </c>
      <c r="C837" s="8">
        <v>1793</v>
      </c>
      <c r="D837" s="8">
        <v>1793</v>
      </c>
      <c r="E837" s="3" t="s">
        <v>1195</v>
      </c>
      <c r="F837" s="6" t="s">
        <v>2030</v>
      </c>
      <c r="G837" s="3" t="s">
        <v>16</v>
      </c>
      <c r="H837" s="3" t="s">
        <v>17</v>
      </c>
      <c r="I837" s="3" t="s">
        <v>18</v>
      </c>
      <c r="J837" s="3" t="s">
        <v>13</v>
      </c>
      <c r="K837" s="4">
        <v>43378</v>
      </c>
    </row>
    <row r="838" spans="1:11" ht="90" x14ac:dyDescent="0.25">
      <c r="A838" s="6" t="s">
        <v>2059</v>
      </c>
      <c r="B838" s="8" t="s">
        <v>12</v>
      </c>
      <c r="C838" s="8">
        <v>1550</v>
      </c>
      <c r="D838" s="8">
        <v>1550</v>
      </c>
      <c r="E838" s="3" t="s">
        <v>2060</v>
      </c>
      <c r="F838" s="6" t="s">
        <v>2061</v>
      </c>
      <c r="G838" s="3" t="s">
        <v>16</v>
      </c>
      <c r="H838" s="3" t="s">
        <v>24</v>
      </c>
      <c r="I838" s="3" t="s">
        <v>2062</v>
      </c>
      <c r="J838" s="3" t="s">
        <v>2063</v>
      </c>
      <c r="K838" s="4">
        <v>43378</v>
      </c>
    </row>
    <row r="839" spans="1:11" ht="120" x14ac:dyDescent="0.25">
      <c r="A839" s="6" t="s">
        <v>2077</v>
      </c>
      <c r="B839" s="8" t="s">
        <v>12</v>
      </c>
      <c r="C839" s="8" t="s">
        <v>2078</v>
      </c>
      <c r="D839" s="8">
        <v>1532</v>
      </c>
      <c r="E839" s="3" t="s">
        <v>2079</v>
      </c>
      <c r="F839" s="6" t="s">
        <v>2080</v>
      </c>
      <c r="G839" s="3" t="s">
        <v>16</v>
      </c>
      <c r="H839" s="3" t="s">
        <v>24</v>
      </c>
      <c r="I839" s="3" t="s">
        <v>182</v>
      </c>
      <c r="J839" s="3"/>
      <c r="K839" s="4">
        <v>43378</v>
      </c>
    </row>
    <row r="840" spans="1:11" ht="60" x14ac:dyDescent="0.25">
      <c r="A840" s="6" t="s">
        <v>2081</v>
      </c>
      <c r="B840" s="8" t="s">
        <v>12</v>
      </c>
      <c r="C840" s="8" t="s">
        <v>13</v>
      </c>
      <c r="D840" s="8">
        <v>1554</v>
      </c>
      <c r="E840" s="3" t="s">
        <v>2082</v>
      </c>
      <c r="F840" s="6" t="s">
        <v>2083</v>
      </c>
      <c r="G840" s="3" t="s">
        <v>16</v>
      </c>
      <c r="H840" s="3" t="s">
        <v>24</v>
      </c>
      <c r="I840" s="3" t="s">
        <v>858</v>
      </c>
      <c r="J840" s="3" t="s">
        <v>2084</v>
      </c>
      <c r="K840" s="4">
        <v>43378</v>
      </c>
    </row>
    <row r="841" spans="1:11" ht="60" x14ac:dyDescent="0.25">
      <c r="A841" s="6" t="s">
        <v>2089</v>
      </c>
      <c r="B841" s="8" t="s">
        <v>12</v>
      </c>
      <c r="C841" s="8" t="s">
        <v>704</v>
      </c>
      <c r="D841" s="8">
        <v>1740</v>
      </c>
      <c r="E841" s="3" t="s">
        <v>2090</v>
      </c>
      <c r="F841" s="6" t="s">
        <v>2091</v>
      </c>
      <c r="G841" s="3" t="s">
        <v>16</v>
      </c>
      <c r="H841" s="3" t="s">
        <v>24</v>
      </c>
      <c r="I841" s="3" t="s">
        <v>18</v>
      </c>
      <c r="J841" s="3" t="s">
        <v>1124</v>
      </c>
      <c r="K841" s="4">
        <v>43378</v>
      </c>
    </row>
    <row r="842" spans="1:11" ht="30" x14ac:dyDescent="0.25">
      <c r="A842" s="6" t="s">
        <v>2117</v>
      </c>
      <c r="B842" s="8" t="s">
        <v>12</v>
      </c>
      <c r="C842" s="8" t="s">
        <v>2118</v>
      </c>
      <c r="D842" s="8">
        <v>1539</v>
      </c>
      <c r="E842" s="3" t="s">
        <v>2119</v>
      </c>
      <c r="F842" s="6" t="s">
        <v>1206</v>
      </c>
      <c r="G842" s="3" t="s">
        <v>16</v>
      </c>
      <c r="H842" s="3" t="s">
        <v>24</v>
      </c>
      <c r="I842" s="3" t="s">
        <v>52</v>
      </c>
      <c r="J842" s="3" t="s">
        <v>2120</v>
      </c>
      <c r="K842" s="4">
        <v>43378</v>
      </c>
    </row>
    <row r="843" spans="1:11" x14ac:dyDescent="0.25">
      <c r="A843" s="6" t="s">
        <v>2250</v>
      </c>
      <c r="B843" s="8" t="s">
        <v>12</v>
      </c>
      <c r="C843" s="8" t="s">
        <v>535</v>
      </c>
      <c r="D843" s="8">
        <v>1573</v>
      </c>
      <c r="E843" s="3" t="s">
        <v>2251</v>
      </c>
      <c r="F843" s="6" t="s">
        <v>2252</v>
      </c>
      <c r="G843" s="3" t="s">
        <v>16</v>
      </c>
      <c r="H843" s="3" t="s">
        <v>24</v>
      </c>
      <c r="I843" s="3" t="s">
        <v>1360</v>
      </c>
      <c r="J843" s="3" t="s">
        <v>2253</v>
      </c>
      <c r="K843" s="4">
        <v>43378</v>
      </c>
    </row>
    <row r="844" spans="1:11" ht="150" x14ac:dyDescent="0.25">
      <c r="A844" s="6" t="s">
        <v>2269</v>
      </c>
      <c r="B844" s="8" t="s">
        <v>12</v>
      </c>
      <c r="C844" s="8">
        <v>1558</v>
      </c>
      <c r="D844" s="8">
        <v>1558</v>
      </c>
      <c r="E844" s="3" t="s">
        <v>2270</v>
      </c>
      <c r="F844" s="6" t="s">
        <v>2271</v>
      </c>
      <c r="G844" s="3" t="s">
        <v>16</v>
      </c>
      <c r="H844" s="3" t="s">
        <v>24</v>
      </c>
      <c r="I844" s="3" t="s">
        <v>182</v>
      </c>
      <c r="J844" s="3"/>
      <c r="K844" s="4">
        <v>43378</v>
      </c>
    </row>
    <row r="845" spans="1:11" ht="30" x14ac:dyDescent="0.25">
      <c r="A845" s="6" t="s">
        <v>2365</v>
      </c>
      <c r="B845" s="8" t="s">
        <v>12</v>
      </c>
      <c r="C845" s="8" t="s">
        <v>2366</v>
      </c>
      <c r="D845" s="8">
        <v>1616</v>
      </c>
      <c r="E845" s="3" t="s">
        <v>2367</v>
      </c>
      <c r="F845" s="6" t="s">
        <v>2368</v>
      </c>
      <c r="G845" s="3" t="s">
        <v>16</v>
      </c>
      <c r="H845" s="3" t="s">
        <v>24</v>
      </c>
      <c r="I845" s="3" t="s">
        <v>25</v>
      </c>
      <c r="J845" s="3" t="s">
        <v>2369</v>
      </c>
      <c r="K845" s="4">
        <v>43378</v>
      </c>
    </row>
    <row r="846" spans="1:11" ht="30" x14ac:dyDescent="0.25">
      <c r="A846" s="6" t="s">
        <v>2392</v>
      </c>
      <c r="B846" s="8" t="s">
        <v>12</v>
      </c>
      <c r="C846" s="8">
        <v>1550</v>
      </c>
      <c r="D846" s="8">
        <v>1550</v>
      </c>
      <c r="E846" s="3" t="s">
        <v>2393</v>
      </c>
      <c r="F846" s="6" t="s">
        <v>2394</v>
      </c>
      <c r="G846" s="3" t="s">
        <v>16</v>
      </c>
      <c r="H846" s="3" t="s">
        <v>24</v>
      </c>
      <c r="I846" s="3" t="s">
        <v>171</v>
      </c>
      <c r="J846" s="3" t="s">
        <v>2395</v>
      </c>
      <c r="K846" s="4">
        <v>43378</v>
      </c>
    </row>
    <row r="847" spans="1:11" ht="30" x14ac:dyDescent="0.25">
      <c r="A847" s="6" t="s">
        <v>2534</v>
      </c>
      <c r="B847" s="8" t="s">
        <v>12</v>
      </c>
      <c r="C847" s="8" t="s">
        <v>1280</v>
      </c>
      <c r="D847" s="8">
        <v>1844</v>
      </c>
      <c r="E847" s="3" t="s">
        <v>2535</v>
      </c>
      <c r="F847" s="6" t="s">
        <v>2536</v>
      </c>
      <c r="G847" s="3" t="s">
        <v>16</v>
      </c>
      <c r="H847" s="3" t="s">
        <v>17</v>
      </c>
      <c r="I847" s="3" t="s">
        <v>18</v>
      </c>
      <c r="J847" s="3" t="s">
        <v>1324</v>
      </c>
      <c r="K847" s="4">
        <v>43378</v>
      </c>
    </row>
    <row r="848" spans="1:11" ht="165" x14ac:dyDescent="0.25">
      <c r="A848" s="6" t="s">
        <v>2563</v>
      </c>
      <c r="B848" s="8" t="s">
        <v>12</v>
      </c>
      <c r="C848" s="8" t="s">
        <v>615</v>
      </c>
      <c r="D848" s="8">
        <v>1557</v>
      </c>
      <c r="E848" s="3" t="s">
        <v>2564</v>
      </c>
      <c r="F848" s="6" t="s">
        <v>2565</v>
      </c>
      <c r="G848" s="3" t="s">
        <v>16</v>
      </c>
      <c r="H848" s="3" t="s">
        <v>24</v>
      </c>
      <c r="I848" s="3" t="s">
        <v>171</v>
      </c>
      <c r="J848" s="3" t="s">
        <v>2566</v>
      </c>
      <c r="K848" s="4">
        <v>43378</v>
      </c>
    </row>
    <row r="849" spans="1:11" ht="90" x14ac:dyDescent="0.25">
      <c r="A849" s="6" t="s">
        <v>2569</v>
      </c>
      <c r="B849" s="8" t="s">
        <v>12</v>
      </c>
      <c r="C849" s="8" t="s">
        <v>247</v>
      </c>
      <c r="D849" s="8">
        <v>1761</v>
      </c>
      <c r="E849" s="3" t="s">
        <v>207</v>
      </c>
      <c r="F849" s="6" t="s">
        <v>2570</v>
      </c>
      <c r="G849" s="3" t="s">
        <v>16</v>
      </c>
      <c r="H849" s="3" t="s">
        <v>24</v>
      </c>
      <c r="I849" s="3" t="s">
        <v>18</v>
      </c>
      <c r="J849" s="3" t="s">
        <v>351</v>
      </c>
      <c r="K849" s="4">
        <v>43378</v>
      </c>
    </row>
    <row r="850" spans="1:11" ht="240" x14ac:dyDescent="0.25">
      <c r="A850" s="6" t="s">
        <v>2599</v>
      </c>
      <c r="B850" s="8" t="s">
        <v>12</v>
      </c>
      <c r="C850" s="8">
        <v>1541</v>
      </c>
      <c r="D850" s="8">
        <v>1541</v>
      </c>
      <c r="E850" s="3" t="s">
        <v>2600</v>
      </c>
      <c r="F850" s="6" t="s">
        <v>2601</v>
      </c>
      <c r="G850" s="3" t="s">
        <v>16</v>
      </c>
      <c r="H850" s="3" t="s">
        <v>24</v>
      </c>
      <c r="I850" s="3" t="s">
        <v>388</v>
      </c>
      <c r="J850" s="3" t="s">
        <v>2602</v>
      </c>
      <c r="K850" s="4">
        <v>43378</v>
      </c>
    </row>
    <row r="851" spans="1:11" ht="150" x14ac:dyDescent="0.25">
      <c r="A851" s="6" t="s">
        <v>2654</v>
      </c>
      <c r="B851" s="8" t="s">
        <v>12</v>
      </c>
      <c r="C851" s="8">
        <v>1573</v>
      </c>
      <c r="D851" s="8">
        <v>1573</v>
      </c>
      <c r="E851" s="3" t="s">
        <v>2655</v>
      </c>
      <c r="F851" s="6" t="s">
        <v>2656</v>
      </c>
      <c r="G851" s="3" t="s">
        <v>16</v>
      </c>
      <c r="H851" s="3" t="s">
        <v>24</v>
      </c>
      <c r="I851" s="3" t="s">
        <v>171</v>
      </c>
      <c r="J851" s="3" t="s">
        <v>2657</v>
      </c>
      <c r="K851" s="4">
        <v>43378</v>
      </c>
    </row>
    <row r="852" spans="1:11" ht="165" x14ac:dyDescent="0.25">
      <c r="A852" s="6" t="s">
        <v>2718</v>
      </c>
      <c r="B852" s="8" t="s">
        <v>12</v>
      </c>
      <c r="C852" s="8">
        <v>1545</v>
      </c>
      <c r="D852" s="8">
        <v>1545</v>
      </c>
      <c r="E852" s="3" t="s">
        <v>2021</v>
      </c>
      <c r="F852" s="6" t="s">
        <v>2719</v>
      </c>
      <c r="G852" s="3" t="s">
        <v>16</v>
      </c>
      <c r="H852" s="3" t="s">
        <v>24</v>
      </c>
      <c r="I852" s="3" t="s">
        <v>171</v>
      </c>
      <c r="J852" s="3"/>
      <c r="K852" s="4">
        <v>43378</v>
      </c>
    </row>
    <row r="853" spans="1:11" ht="105" x14ac:dyDescent="0.25">
      <c r="A853" s="6" t="s">
        <v>2729</v>
      </c>
      <c r="B853" s="8" t="s">
        <v>12</v>
      </c>
      <c r="C853" s="8" t="s">
        <v>2730</v>
      </c>
      <c r="D853" s="8">
        <v>1613</v>
      </c>
      <c r="E853" s="3" t="s">
        <v>2731</v>
      </c>
      <c r="F853" s="6" t="s">
        <v>2732</v>
      </c>
      <c r="G853" s="3" t="s">
        <v>16</v>
      </c>
      <c r="H853" s="3" t="s">
        <v>17</v>
      </c>
      <c r="I853" s="3" t="s">
        <v>858</v>
      </c>
      <c r="J853" s="3" t="s">
        <v>2733</v>
      </c>
      <c r="K853" s="4">
        <v>43378</v>
      </c>
    </row>
    <row r="854" spans="1:11" ht="150" x14ac:dyDescent="0.25">
      <c r="A854" s="6" t="s">
        <v>2803</v>
      </c>
      <c r="B854" s="8" t="s">
        <v>12</v>
      </c>
      <c r="C854" s="8" t="s">
        <v>13</v>
      </c>
      <c r="D854" s="8">
        <v>1518</v>
      </c>
      <c r="E854" s="3" t="s">
        <v>2804</v>
      </c>
      <c r="F854" s="6" t="s">
        <v>2805</v>
      </c>
      <c r="G854" s="3" t="s">
        <v>16</v>
      </c>
      <c r="H854" s="3" t="s">
        <v>24</v>
      </c>
      <c r="I854" s="3" t="s">
        <v>264</v>
      </c>
      <c r="J854" s="3" t="s">
        <v>2806</v>
      </c>
      <c r="K854" s="4">
        <v>43378</v>
      </c>
    </row>
    <row r="855" spans="1:11" ht="30" x14ac:dyDescent="0.25">
      <c r="A855" s="6" t="s">
        <v>2846</v>
      </c>
      <c r="B855" s="8" t="s">
        <v>12</v>
      </c>
      <c r="C855" s="8">
        <v>1550</v>
      </c>
      <c r="D855" s="8">
        <v>1550</v>
      </c>
      <c r="E855" s="3" t="s">
        <v>2393</v>
      </c>
      <c r="F855" s="6" t="s">
        <v>2394</v>
      </c>
      <c r="G855" s="3" t="s">
        <v>16</v>
      </c>
      <c r="H855" s="3" t="s">
        <v>24</v>
      </c>
      <c r="I855" s="3" t="s">
        <v>171</v>
      </c>
      <c r="J855" s="3" t="s">
        <v>2395</v>
      </c>
      <c r="K855" s="4">
        <v>43378</v>
      </c>
    </row>
    <row r="856" spans="1:11" ht="30" x14ac:dyDescent="0.25">
      <c r="A856" s="6" t="s">
        <v>3068</v>
      </c>
      <c r="B856" s="8" t="s">
        <v>12</v>
      </c>
      <c r="C856" s="8">
        <v>1598</v>
      </c>
      <c r="D856" s="8">
        <v>1598</v>
      </c>
      <c r="E856" s="3" t="s">
        <v>3069</v>
      </c>
      <c r="F856" s="6" t="s">
        <v>3070</v>
      </c>
      <c r="G856" s="3" t="s">
        <v>16</v>
      </c>
      <c r="H856" s="3" t="s">
        <v>17</v>
      </c>
      <c r="I856" s="3" t="s">
        <v>350</v>
      </c>
      <c r="J856" s="3" t="s">
        <v>3071</v>
      </c>
      <c r="K856" s="4">
        <v>43378</v>
      </c>
    </row>
    <row r="857" spans="1:11" ht="75" x14ac:dyDescent="0.25">
      <c r="A857" s="6" t="s">
        <v>3110</v>
      </c>
      <c r="B857" s="8" t="s">
        <v>12</v>
      </c>
      <c r="C857" s="8">
        <v>1790</v>
      </c>
      <c r="D857" s="8">
        <v>1790</v>
      </c>
      <c r="E857" s="3" t="s">
        <v>3111</v>
      </c>
      <c r="F857" s="6" t="s">
        <v>3112</v>
      </c>
      <c r="G857" s="3" t="s">
        <v>16</v>
      </c>
      <c r="H857" s="3" t="s">
        <v>24</v>
      </c>
      <c r="I857" s="3" t="s">
        <v>18</v>
      </c>
      <c r="J857" s="3" t="s">
        <v>3113</v>
      </c>
      <c r="K857" s="4">
        <v>43378</v>
      </c>
    </row>
    <row r="858" spans="1:11" ht="45" x14ac:dyDescent="0.25">
      <c r="A858" s="6" t="s">
        <v>3114</v>
      </c>
      <c r="B858" s="8" t="s">
        <v>12</v>
      </c>
      <c r="C858" s="8" t="s">
        <v>3115</v>
      </c>
      <c r="D858" s="8">
        <v>1834</v>
      </c>
      <c r="E858" s="3" t="s">
        <v>1686</v>
      </c>
      <c r="F858" s="6" t="s">
        <v>3116</v>
      </c>
      <c r="G858" s="3" t="s">
        <v>16</v>
      </c>
      <c r="H858" s="3" t="s">
        <v>24</v>
      </c>
      <c r="I858" s="3" t="s">
        <v>18</v>
      </c>
      <c r="J858" s="3" t="s">
        <v>3117</v>
      </c>
      <c r="K858" s="4">
        <v>43378</v>
      </c>
    </row>
    <row r="859" spans="1:11" ht="45" x14ac:dyDescent="0.25">
      <c r="A859" s="6" t="s">
        <v>3140</v>
      </c>
      <c r="B859" s="8" t="s">
        <v>12</v>
      </c>
      <c r="C859" s="8" t="s">
        <v>2055</v>
      </c>
      <c r="D859" s="8">
        <v>1760</v>
      </c>
      <c r="E859" s="3" t="s">
        <v>3141</v>
      </c>
      <c r="F859" s="6" t="s">
        <v>3142</v>
      </c>
      <c r="G859" s="3" t="s">
        <v>16</v>
      </c>
      <c r="H859" s="3" t="s">
        <v>24</v>
      </c>
      <c r="I859" s="3" t="s">
        <v>18</v>
      </c>
      <c r="J859" s="3" t="s">
        <v>3143</v>
      </c>
      <c r="K859" s="4">
        <v>43378</v>
      </c>
    </row>
    <row r="860" spans="1:11" ht="165" x14ac:dyDescent="0.25">
      <c r="A860" s="6" t="s">
        <v>3158</v>
      </c>
      <c r="B860" s="8" t="s">
        <v>12</v>
      </c>
      <c r="C860" s="8" t="s">
        <v>3159</v>
      </c>
      <c r="D860" s="8">
        <v>1568</v>
      </c>
      <c r="E860" s="3" t="s">
        <v>3160</v>
      </c>
      <c r="F860" s="6" t="s">
        <v>3161</v>
      </c>
      <c r="G860" s="3" t="s">
        <v>16</v>
      </c>
      <c r="H860" s="3" t="s">
        <v>24</v>
      </c>
      <c r="I860" s="3" t="s">
        <v>220</v>
      </c>
      <c r="J860" s="3"/>
      <c r="K860" s="4">
        <v>43378</v>
      </c>
    </row>
    <row r="861" spans="1:11" ht="90" x14ac:dyDescent="0.25">
      <c r="A861" s="6" t="s">
        <v>3202</v>
      </c>
      <c r="B861" s="8" t="s">
        <v>12</v>
      </c>
      <c r="C861" s="8" t="s">
        <v>3203</v>
      </c>
      <c r="D861" s="8">
        <v>1670</v>
      </c>
      <c r="E861" s="3" t="s">
        <v>3204</v>
      </c>
      <c r="F861" s="6" t="s">
        <v>3205</v>
      </c>
      <c r="G861" s="3" t="s">
        <v>16</v>
      </c>
      <c r="H861" s="3" t="s">
        <v>24</v>
      </c>
      <c r="I861" s="3" t="s">
        <v>18</v>
      </c>
      <c r="J861" s="3" t="s">
        <v>426</v>
      </c>
      <c r="K861" s="4">
        <v>43378</v>
      </c>
    </row>
    <row r="862" spans="1:11" ht="150" x14ac:dyDescent="0.25">
      <c r="A862" s="6" t="s">
        <v>3369</v>
      </c>
      <c r="B862" s="8" t="s">
        <v>12</v>
      </c>
      <c r="C862" s="8" t="s">
        <v>13</v>
      </c>
      <c r="D862" s="8">
        <v>1542</v>
      </c>
      <c r="E862" s="3" t="s">
        <v>3370</v>
      </c>
      <c r="F862" s="6" t="s">
        <v>3371</v>
      </c>
      <c r="G862" s="3" t="s">
        <v>16</v>
      </c>
      <c r="H862" s="3" t="s">
        <v>1724</v>
      </c>
      <c r="I862" s="3" t="s">
        <v>57</v>
      </c>
      <c r="J862" s="3" t="s">
        <v>3372</v>
      </c>
      <c r="K862" s="4">
        <v>43378</v>
      </c>
    </row>
    <row r="863" spans="1:11" ht="135" x14ac:dyDescent="0.25">
      <c r="A863" s="6" t="s">
        <v>3377</v>
      </c>
      <c r="B863" s="8" t="s">
        <v>12</v>
      </c>
      <c r="C863" s="8" t="s">
        <v>13</v>
      </c>
      <c r="D863" s="8">
        <v>1701</v>
      </c>
      <c r="E863" s="3" t="s">
        <v>1105</v>
      </c>
      <c r="F863" s="6" t="s">
        <v>3378</v>
      </c>
      <c r="G863" s="3" t="s">
        <v>16</v>
      </c>
      <c r="H863" s="3" t="s">
        <v>24</v>
      </c>
      <c r="I863" s="3" t="s">
        <v>226</v>
      </c>
      <c r="J863" s="3" t="s">
        <v>1995</v>
      </c>
      <c r="K863" s="4">
        <v>43378</v>
      </c>
    </row>
    <row r="864" spans="1:11" ht="150" x14ac:dyDescent="0.25">
      <c r="A864" s="6" t="s">
        <v>3379</v>
      </c>
      <c r="B864" s="8" t="s">
        <v>12</v>
      </c>
      <c r="C864" s="8" t="s">
        <v>3380</v>
      </c>
      <c r="D864" s="8">
        <v>1552</v>
      </c>
      <c r="E864" s="3" t="s">
        <v>3381</v>
      </c>
      <c r="F864" s="6" t="s">
        <v>3382</v>
      </c>
      <c r="G864" s="3" t="s">
        <v>16</v>
      </c>
      <c r="H864" s="3" t="s">
        <v>24</v>
      </c>
      <c r="I864" s="3" t="s">
        <v>171</v>
      </c>
      <c r="J864" s="3" t="s">
        <v>3383</v>
      </c>
      <c r="K864" s="4">
        <v>43378</v>
      </c>
    </row>
    <row r="865" spans="1:11" ht="60" x14ac:dyDescent="0.25">
      <c r="A865" s="6" t="s">
        <v>3451</v>
      </c>
      <c r="B865" s="8" t="s">
        <v>12</v>
      </c>
      <c r="C865" s="8" t="s">
        <v>13</v>
      </c>
      <c r="D865" s="8">
        <v>1848</v>
      </c>
      <c r="E865" s="3" t="s">
        <v>13</v>
      </c>
      <c r="F865" s="6" t="s">
        <v>3452</v>
      </c>
      <c r="G865" s="3" t="s">
        <v>16</v>
      </c>
      <c r="H865" s="3" t="s">
        <v>17</v>
      </c>
      <c r="I865" s="3" t="s">
        <v>2124</v>
      </c>
      <c r="J865" s="3" t="s">
        <v>3453</v>
      </c>
      <c r="K865" s="4">
        <v>43378</v>
      </c>
    </row>
    <row r="866" spans="1:11" ht="165" x14ac:dyDescent="0.25">
      <c r="A866" s="6" t="s">
        <v>3594</v>
      </c>
      <c r="B866" s="8" t="s">
        <v>12</v>
      </c>
      <c r="C866" s="8" t="s">
        <v>3595</v>
      </c>
      <c r="D866" s="8">
        <v>1858</v>
      </c>
      <c r="E866" s="3" t="s">
        <v>3596</v>
      </c>
      <c r="F866" s="6" t="s">
        <v>3597</v>
      </c>
      <c r="G866" s="3" t="s">
        <v>16</v>
      </c>
      <c r="H866" s="3" t="s">
        <v>24</v>
      </c>
      <c r="I866" s="3" t="s">
        <v>3598</v>
      </c>
      <c r="J866" s="3" t="s">
        <v>3599</v>
      </c>
      <c r="K866" s="4">
        <v>43378</v>
      </c>
    </row>
    <row r="867" spans="1:11" ht="105" x14ac:dyDescent="0.25">
      <c r="A867" s="6" t="s">
        <v>3600</v>
      </c>
      <c r="B867" s="8" t="s">
        <v>12</v>
      </c>
      <c r="C867" s="8" t="s">
        <v>3601</v>
      </c>
      <c r="D867" s="8">
        <v>1725</v>
      </c>
      <c r="E867" s="3" t="s">
        <v>3602</v>
      </c>
      <c r="F867" s="6" t="s">
        <v>3603</v>
      </c>
      <c r="G867" s="3" t="s">
        <v>16</v>
      </c>
      <c r="H867" s="3" t="s">
        <v>24</v>
      </c>
      <c r="I867" s="3" t="s">
        <v>18</v>
      </c>
      <c r="J867" s="3" t="s">
        <v>3604</v>
      </c>
      <c r="K867" s="4">
        <v>43378</v>
      </c>
    </row>
    <row r="868" spans="1:11" ht="45" x14ac:dyDescent="0.25">
      <c r="A868" s="6" t="s">
        <v>3607</v>
      </c>
      <c r="B868" s="8" t="s">
        <v>12</v>
      </c>
      <c r="C868" s="8" t="s">
        <v>3608</v>
      </c>
      <c r="D868" s="8">
        <v>1644</v>
      </c>
      <c r="E868" s="3" t="s">
        <v>3609</v>
      </c>
      <c r="F868" s="6" t="s">
        <v>3610</v>
      </c>
      <c r="G868" s="3" t="s">
        <v>16</v>
      </c>
      <c r="H868" s="3" t="s">
        <v>24</v>
      </c>
      <c r="I868" s="3" t="s">
        <v>52</v>
      </c>
      <c r="J868" s="3" t="s">
        <v>3611</v>
      </c>
      <c r="K868" s="4">
        <v>43378</v>
      </c>
    </row>
    <row r="869" spans="1:11" ht="60" x14ac:dyDescent="0.25">
      <c r="A869" s="6" t="s">
        <v>3645</v>
      </c>
      <c r="B869" s="8" t="s">
        <v>12</v>
      </c>
      <c r="C869" s="8">
        <v>1919</v>
      </c>
      <c r="D869" s="8">
        <v>1919</v>
      </c>
      <c r="E869" s="3" t="s">
        <v>3646</v>
      </c>
      <c r="F869" s="6" t="s">
        <v>3647</v>
      </c>
      <c r="G869" s="3" t="s">
        <v>16</v>
      </c>
      <c r="H869" s="3" t="s">
        <v>17</v>
      </c>
      <c r="I869" s="3" t="s">
        <v>3648</v>
      </c>
      <c r="J869" s="3" t="s">
        <v>3649</v>
      </c>
      <c r="K869" s="4">
        <v>43378</v>
      </c>
    </row>
    <row r="870" spans="1:11" ht="30" x14ac:dyDescent="0.25">
      <c r="A870" s="6" t="s">
        <v>3691</v>
      </c>
      <c r="B870" s="8" t="s">
        <v>12</v>
      </c>
      <c r="C870" s="8" t="s">
        <v>3692</v>
      </c>
      <c r="D870" s="8">
        <v>1537</v>
      </c>
      <c r="E870" s="3" t="s">
        <v>3693</v>
      </c>
      <c r="F870" s="6" t="s">
        <v>3694</v>
      </c>
      <c r="G870" s="3" t="s">
        <v>16</v>
      </c>
      <c r="H870" s="3" t="s">
        <v>24</v>
      </c>
      <c r="I870" s="3" t="s">
        <v>182</v>
      </c>
      <c r="J870" s="3" t="s">
        <v>3695</v>
      </c>
      <c r="K870" s="4">
        <v>43378</v>
      </c>
    </row>
    <row r="871" spans="1:11" ht="45" x14ac:dyDescent="0.25">
      <c r="A871" s="6" t="s">
        <v>3842</v>
      </c>
      <c r="B871" s="8" t="s">
        <v>12</v>
      </c>
      <c r="C871" s="8" t="s">
        <v>2782</v>
      </c>
      <c r="D871" s="8">
        <v>1590</v>
      </c>
      <c r="E871" s="3" t="s">
        <v>3843</v>
      </c>
      <c r="F871" s="6" t="s">
        <v>3844</v>
      </c>
      <c r="G871" s="3" t="s">
        <v>16</v>
      </c>
      <c r="H871" s="3" t="s">
        <v>24</v>
      </c>
      <c r="I871" s="3" t="s">
        <v>182</v>
      </c>
      <c r="J871" s="3" t="s">
        <v>3845</v>
      </c>
      <c r="K871" s="4">
        <v>43378</v>
      </c>
    </row>
    <row r="872" spans="1:11" ht="75" x14ac:dyDescent="0.25">
      <c r="A872" s="6" t="s">
        <v>3902</v>
      </c>
      <c r="B872" s="8" t="s">
        <v>12</v>
      </c>
      <c r="C872" s="8" t="s">
        <v>3903</v>
      </c>
      <c r="D872" s="8">
        <v>1742</v>
      </c>
      <c r="E872" s="3" t="s">
        <v>3904</v>
      </c>
      <c r="F872" s="6" t="s">
        <v>3905</v>
      </c>
      <c r="G872" s="3" t="s">
        <v>16</v>
      </c>
      <c r="H872" s="3" t="s">
        <v>24</v>
      </c>
      <c r="I872" s="3" t="s">
        <v>18</v>
      </c>
      <c r="J872" s="3" t="s">
        <v>3906</v>
      </c>
      <c r="K872" s="4">
        <v>43378</v>
      </c>
    </row>
    <row r="873" spans="1:11" ht="60" x14ac:dyDescent="0.25">
      <c r="A873" s="6" t="s">
        <v>3970</v>
      </c>
      <c r="B873" s="8" t="s">
        <v>12</v>
      </c>
      <c r="C873" s="8" t="s">
        <v>3971</v>
      </c>
      <c r="D873" s="8">
        <v>1743</v>
      </c>
      <c r="E873" s="3" t="s">
        <v>3972</v>
      </c>
      <c r="F873" s="6" t="s">
        <v>3973</v>
      </c>
      <c r="G873" s="3" t="s">
        <v>16</v>
      </c>
      <c r="H873" s="3" t="s">
        <v>24</v>
      </c>
      <c r="I873" s="3" t="s">
        <v>18</v>
      </c>
      <c r="J873" s="3" t="s">
        <v>3974</v>
      </c>
      <c r="K873" s="4">
        <v>43378</v>
      </c>
    </row>
    <row r="874" spans="1:11" ht="30" x14ac:dyDescent="0.25">
      <c r="A874" s="6" t="s">
        <v>4000</v>
      </c>
      <c r="B874" s="8" t="s">
        <v>12</v>
      </c>
      <c r="C874" s="8">
        <v>1921</v>
      </c>
      <c r="D874" s="8">
        <v>1921</v>
      </c>
      <c r="E874" s="3" t="s">
        <v>4001</v>
      </c>
      <c r="F874" s="6" t="s">
        <v>4002</v>
      </c>
      <c r="G874" s="3" t="s">
        <v>16</v>
      </c>
      <c r="H874" s="3" t="s">
        <v>17</v>
      </c>
      <c r="I874" s="3" t="s">
        <v>4003</v>
      </c>
      <c r="J874" s="3" t="s">
        <v>4004</v>
      </c>
      <c r="K874" s="4">
        <v>43378</v>
      </c>
    </row>
    <row r="875" spans="1:11" ht="210" x14ac:dyDescent="0.25">
      <c r="A875" s="6" t="s">
        <v>427</v>
      </c>
      <c r="B875" s="8" t="s">
        <v>12</v>
      </c>
      <c r="C875" s="8" t="s">
        <v>428</v>
      </c>
      <c r="D875" s="8">
        <v>1563</v>
      </c>
      <c r="E875" s="3" t="s">
        <v>257</v>
      </c>
      <c r="F875" s="6" t="s">
        <v>429</v>
      </c>
      <c r="G875" s="3" t="s">
        <v>16</v>
      </c>
      <c r="H875" s="3" t="s">
        <v>24</v>
      </c>
      <c r="I875" s="3" t="s">
        <v>171</v>
      </c>
      <c r="J875" s="3" t="s">
        <v>430</v>
      </c>
      <c r="K875" s="4">
        <v>43378</v>
      </c>
    </row>
    <row r="876" spans="1:11" ht="75" x14ac:dyDescent="0.25">
      <c r="A876" s="6" t="s">
        <v>4251</v>
      </c>
      <c r="B876" s="8" t="s">
        <v>12</v>
      </c>
      <c r="C876" s="8">
        <v>1573</v>
      </c>
      <c r="D876" s="8">
        <v>1573</v>
      </c>
      <c r="E876" s="3" t="s">
        <v>4252</v>
      </c>
      <c r="F876" s="6" t="s">
        <v>4253</v>
      </c>
      <c r="G876" s="3" t="s">
        <v>16</v>
      </c>
      <c r="H876" s="3" t="s">
        <v>24</v>
      </c>
      <c r="I876" s="3" t="s">
        <v>264</v>
      </c>
      <c r="J876" s="3" t="s">
        <v>4254</v>
      </c>
      <c r="K876" s="4">
        <v>43378</v>
      </c>
    </row>
    <row r="877" spans="1:11" ht="45" x14ac:dyDescent="0.25">
      <c r="A877" s="6" t="s">
        <v>4274</v>
      </c>
      <c r="B877" s="8" t="s">
        <v>12</v>
      </c>
      <c r="C877" s="8">
        <v>1917</v>
      </c>
      <c r="D877" s="8">
        <v>1917</v>
      </c>
      <c r="E877" s="3" t="s">
        <v>823</v>
      </c>
      <c r="F877" s="6" t="s">
        <v>4275</v>
      </c>
      <c r="G877" s="3" t="s">
        <v>16</v>
      </c>
      <c r="H877" s="3" t="s">
        <v>170</v>
      </c>
      <c r="I877" s="3" t="s">
        <v>57</v>
      </c>
      <c r="J877" s="3" t="s">
        <v>4276</v>
      </c>
      <c r="K877" s="4">
        <v>43378</v>
      </c>
    </row>
    <row r="878" spans="1:11" ht="30" x14ac:dyDescent="0.25">
      <c r="A878" s="6" t="s">
        <v>4346</v>
      </c>
      <c r="B878" s="8" t="s">
        <v>12</v>
      </c>
      <c r="C878" s="8" t="s">
        <v>3002</v>
      </c>
      <c r="D878" s="8">
        <v>1759</v>
      </c>
      <c r="E878" s="3" t="s">
        <v>1201</v>
      </c>
      <c r="F878" s="6" t="s">
        <v>4347</v>
      </c>
      <c r="G878" s="3" t="s">
        <v>16</v>
      </c>
      <c r="H878" s="3" t="s">
        <v>17</v>
      </c>
      <c r="I878" s="3" t="s">
        <v>18</v>
      </c>
      <c r="J878" s="3" t="s">
        <v>4348</v>
      </c>
      <c r="K878" s="4">
        <v>43378</v>
      </c>
    </row>
    <row r="879" spans="1:11" ht="60" x14ac:dyDescent="0.25">
      <c r="A879" s="6" t="s">
        <v>4381</v>
      </c>
      <c r="B879" s="8" t="s">
        <v>12</v>
      </c>
      <c r="C879" s="8" t="s">
        <v>1326</v>
      </c>
      <c r="D879" s="8">
        <v>1745</v>
      </c>
      <c r="E879" s="3" t="s">
        <v>4382</v>
      </c>
      <c r="F879" s="6" t="s">
        <v>4383</v>
      </c>
      <c r="G879" s="3" t="s">
        <v>16</v>
      </c>
      <c r="H879" s="3" t="s">
        <v>24</v>
      </c>
      <c r="I879" s="3" t="s">
        <v>18</v>
      </c>
      <c r="J879" s="3" t="s">
        <v>4384</v>
      </c>
      <c r="K879" s="4">
        <v>43378</v>
      </c>
    </row>
    <row r="880" spans="1:11" ht="165" x14ac:dyDescent="0.25">
      <c r="A880" s="6" t="s">
        <v>4391</v>
      </c>
      <c r="B880" s="8" t="s">
        <v>12</v>
      </c>
      <c r="C880" s="8" t="s">
        <v>535</v>
      </c>
      <c r="D880" s="8">
        <v>1573</v>
      </c>
      <c r="E880" s="3" t="s">
        <v>3104</v>
      </c>
      <c r="F880" s="6" t="s">
        <v>4392</v>
      </c>
      <c r="G880" s="3" t="s">
        <v>16</v>
      </c>
      <c r="H880" s="3" t="s">
        <v>24</v>
      </c>
      <c r="I880" s="3" t="s">
        <v>182</v>
      </c>
      <c r="J880" s="3" t="s">
        <v>4393</v>
      </c>
      <c r="K880" s="4">
        <v>43378</v>
      </c>
    </row>
    <row r="881" spans="1:11" ht="255" x14ac:dyDescent="0.25">
      <c r="A881" s="6" t="s">
        <v>4398</v>
      </c>
      <c r="B881" s="8" t="s">
        <v>12</v>
      </c>
      <c r="C881" s="8" t="s">
        <v>2761</v>
      </c>
      <c r="D881" s="8">
        <v>1572</v>
      </c>
      <c r="E881" s="3" t="s">
        <v>3104</v>
      </c>
      <c r="F881" s="6" t="s">
        <v>4399</v>
      </c>
      <c r="G881" s="3" t="s">
        <v>16</v>
      </c>
      <c r="H881" s="3" t="s">
        <v>24</v>
      </c>
      <c r="I881" s="3" t="s">
        <v>182</v>
      </c>
      <c r="J881" s="3" t="s">
        <v>4400</v>
      </c>
      <c r="K881" s="4">
        <v>43378</v>
      </c>
    </row>
    <row r="882" spans="1:11" x14ac:dyDescent="0.25">
      <c r="A882" s="6" t="s">
        <v>4404</v>
      </c>
      <c r="B882" s="8" t="s">
        <v>12</v>
      </c>
      <c r="C882" s="8">
        <v>1597</v>
      </c>
      <c r="D882" s="8">
        <v>1597</v>
      </c>
      <c r="E882" s="3" t="s">
        <v>4405</v>
      </c>
      <c r="F882" s="6" t="s">
        <v>4406</v>
      </c>
      <c r="G882" s="3" t="s">
        <v>16</v>
      </c>
      <c r="H882" s="3" t="s">
        <v>17</v>
      </c>
      <c r="I882" s="3" t="s">
        <v>18</v>
      </c>
      <c r="J882" s="3" t="s">
        <v>4407</v>
      </c>
      <c r="K882" s="4">
        <v>43378</v>
      </c>
    </row>
    <row r="883" spans="1:11" ht="105" x14ac:dyDescent="0.25">
      <c r="A883" s="6" t="s">
        <v>4408</v>
      </c>
      <c r="B883" s="8" t="s">
        <v>12</v>
      </c>
      <c r="C883" s="8">
        <v>1568</v>
      </c>
      <c r="D883" s="8">
        <v>1568</v>
      </c>
      <c r="E883" s="3" t="s">
        <v>780</v>
      </c>
      <c r="F883" s="6" t="s">
        <v>4409</v>
      </c>
      <c r="G883" s="3" t="s">
        <v>16</v>
      </c>
      <c r="H883" s="3" t="s">
        <v>24</v>
      </c>
      <c r="I883" s="3" t="s">
        <v>182</v>
      </c>
      <c r="J883" s="3" t="s">
        <v>4410</v>
      </c>
      <c r="K883" s="4">
        <v>43378</v>
      </c>
    </row>
    <row r="884" spans="1:11" ht="45" x14ac:dyDescent="0.25">
      <c r="A884" s="6" t="s">
        <v>4572</v>
      </c>
      <c r="B884" s="8" t="s">
        <v>12</v>
      </c>
      <c r="C884" s="8">
        <v>1550</v>
      </c>
      <c r="D884" s="8">
        <v>1550</v>
      </c>
      <c r="E884" s="3" t="s">
        <v>4573</v>
      </c>
      <c r="F884" s="6" t="s">
        <v>4574</v>
      </c>
      <c r="G884" s="3" t="s">
        <v>16</v>
      </c>
      <c r="H884" s="3" t="s">
        <v>30</v>
      </c>
      <c r="I884" s="3" t="s">
        <v>2062</v>
      </c>
      <c r="J884" s="3" t="s">
        <v>4575</v>
      </c>
      <c r="K884" s="4">
        <v>43378</v>
      </c>
    </row>
    <row r="885" spans="1:11" x14ac:dyDescent="0.25">
      <c r="A885" s="6" t="s">
        <v>4620</v>
      </c>
      <c r="B885" s="8" t="s">
        <v>12</v>
      </c>
      <c r="C885" s="8">
        <v>1575</v>
      </c>
      <c r="D885" s="8">
        <v>1575</v>
      </c>
      <c r="E885" s="3" t="s">
        <v>4621</v>
      </c>
      <c r="F885" s="6" t="s">
        <v>4622</v>
      </c>
      <c r="G885" s="3" t="s">
        <v>16</v>
      </c>
      <c r="H885" s="3" t="s">
        <v>170</v>
      </c>
      <c r="I885" s="3" t="s">
        <v>171</v>
      </c>
      <c r="J885" s="3" t="s">
        <v>4623</v>
      </c>
      <c r="K885" s="4">
        <v>43378</v>
      </c>
    </row>
    <row r="886" spans="1:11" ht="105" x14ac:dyDescent="0.25">
      <c r="A886" s="6" t="s">
        <v>4698</v>
      </c>
      <c r="B886" s="8" t="s">
        <v>12</v>
      </c>
      <c r="C886" s="8" t="s">
        <v>4699</v>
      </c>
      <c r="D886" s="8">
        <v>1564</v>
      </c>
      <c r="E886" s="3" t="s">
        <v>4700</v>
      </c>
      <c r="F886" s="6" t="s">
        <v>4701</v>
      </c>
      <c r="G886" s="3" t="s">
        <v>16</v>
      </c>
      <c r="H886" s="3" t="s">
        <v>24</v>
      </c>
      <c r="I886" s="3" t="s">
        <v>171</v>
      </c>
      <c r="J886" s="3" t="s">
        <v>4702</v>
      </c>
      <c r="K886" s="4">
        <v>43378</v>
      </c>
    </row>
    <row r="887" spans="1:11" ht="45" x14ac:dyDescent="0.25">
      <c r="A887" s="6" t="s">
        <v>4712</v>
      </c>
      <c r="B887" s="8" t="s">
        <v>12</v>
      </c>
      <c r="C887" s="8" t="s">
        <v>4713</v>
      </c>
      <c r="D887" s="8">
        <v>1748</v>
      </c>
      <c r="E887" s="3" t="s">
        <v>207</v>
      </c>
      <c r="F887" s="6" t="s">
        <v>4714</v>
      </c>
      <c r="G887" s="3" t="s">
        <v>16</v>
      </c>
      <c r="H887" s="3" t="s">
        <v>24</v>
      </c>
      <c r="I887" s="3" t="s">
        <v>18</v>
      </c>
      <c r="J887" s="3" t="s">
        <v>4715</v>
      </c>
      <c r="K887" s="4">
        <v>43378</v>
      </c>
    </row>
    <row r="888" spans="1:11" ht="75" x14ac:dyDescent="0.25">
      <c r="A888" s="6" t="s">
        <v>4723</v>
      </c>
      <c r="B888" s="8" t="s">
        <v>12</v>
      </c>
      <c r="C888" s="8" t="s">
        <v>1892</v>
      </c>
      <c r="D888" s="8">
        <v>1741</v>
      </c>
      <c r="E888" s="3" t="s">
        <v>4724</v>
      </c>
      <c r="F888" s="6" t="s">
        <v>4725</v>
      </c>
      <c r="G888" s="3" t="s">
        <v>16</v>
      </c>
      <c r="H888" s="3" t="s">
        <v>24</v>
      </c>
      <c r="I888" s="3" t="s">
        <v>18</v>
      </c>
      <c r="J888" s="3" t="s">
        <v>4726</v>
      </c>
      <c r="K888" s="4">
        <v>43378</v>
      </c>
    </row>
    <row r="889" spans="1:11" ht="210" x14ac:dyDescent="0.25">
      <c r="A889" s="6" t="s">
        <v>4741</v>
      </c>
      <c r="B889" s="8" t="s">
        <v>12</v>
      </c>
      <c r="C889" s="8" t="s">
        <v>4742</v>
      </c>
      <c r="D889" s="8">
        <v>1531</v>
      </c>
      <c r="E889" s="3" t="s">
        <v>4743</v>
      </c>
      <c r="F889" s="6" t="s">
        <v>4744</v>
      </c>
      <c r="G889" s="3" t="s">
        <v>16</v>
      </c>
      <c r="H889" s="3" t="s">
        <v>30</v>
      </c>
      <c r="I889" s="3" t="s">
        <v>13</v>
      </c>
      <c r="J889" s="3"/>
      <c r="K889" s="4">
        <v>43378</v>
      </c>
    </row>
    <row r="890" spans="1:11" ht="30" x14ac:dyDescent="0.25">
      <c r="A890" s="6" t="s">
        <v>4817</v>
      </c>
      <c r="B890" s="8" t="s">
        <v>12</v>
      </c>
      <c r="C890" s="8" t="s">
        <v>4818</v>
      </c>
      <c r="D890" s="8">
        <v>1712</v>
      </c>
      <c r="E890" s="3" t="s">
        <v>4819</v>
      </c>
      <c r="F890" s="6" t="s">
        <v>4820</v>
      </c>
      <c r="G890" s="3" t="s">
        <v>16</v>
      </c>
      <c r="H890" s="3" t="s">
        <v>24</v>
      </c>
      <c r="I890" s="3" t="s">
        <v>350</v>
      </c>
      <c r="J890" s="3" t="s">
        <v>4821</v>
      </c>
      <c r="K890" s="4">
        <v>43378</v>
      </c>
    </row>
    <row r="891" spans="1:11" ht="60" x14ac:dyDescent="0.25">
      <c r="A891" s="6" t="s">
        <v>4844</v>
      </c>
      <c r="B891" s="8" t="s">
        <v>12</v>
      </c>
      <c r="C891" s="8" t="s">
        <v>4350</v>
      </c>
      <c r="D891" s="8">
        <v>1746</v>
      </c>
      <c r="E891" s="3" t="s">
        <v>207</v>
      </c>
      <c r="F891" s="6" t="s">
        <v>4845</v>
      </c>
      <c r="G891" s="3" t="s">
        <v>16</v>
      </c>
      <c r="H891" s="3" t="s">
        <v>24</v>
      </c>
      <c r="I891" s="3" t="s">
        <v>18</v>
      </c>
      <c r="J891" s="3" t="s">
        <v>4846</v>
      </c>
      <c r="K891" s="4">
        <v>43378</v>
      </c>
    </row>
    <row r="892" spans="1:11" ht="30" x14ac:dyDescent="0.25">
      <c r="A892" s="6" t="s">
        <v>4977</v>
      </c>
      <c r="B892" s="8" t="s">
        <v>12</v>
      </c>
      <c r="C892" s="8" t="s">
        <v>4978</v>
      </c>
      <c r="D892" s="8">
        <v>1658</v>
      </c>
      <c r="E892" s="3" t="s">
        <v>969</v>
      </c>
      <c r="F892" s="6" t="s">
        <v>970</v>
      </c>
      <c r="G892" s="3" t="s">
        <v>16</v>
      </c>
      <c r="H892" s="3" t="s">
        <v>24</v>
      </c>
      <c r="I892" s="3" t="s">
        <v>739</v>
      </c>
      <c r="J892" s="3" t="s">
        <v>971</v>
      </c>
      <c r="K892" s="4">
        <v>43378</v>
      </c>
    </row>
    <row r="893" spans="1:11" ht="60" x14ac:dyDescent="0.25">
      <c r="A893" s="6" t="s">
        <v>5073</v>
      </c>
      <c r="B893" s="8" t="s">
        <v>12</v>
      </c>
      <c r="C893" s="8">
        <v>1921</v>
      </c>
      <c r="D893" s="8">
        <v>1921</v>
      </c>
      <c r="E893" s="3" t="s">
        <v>5074</v>
      </c>
      <c r="F893" s="6" t="s">
        <v>5075</v>
      </c>
      <c r="G893" s="3" t="s">
        <v>16</v>
      </c>
      <c r="H893" s="3" t="s">
        <v>913</v>
      </c>
      <c r="I893" s="3" t="s">
        <v>5076</v>
      </c>
      <c r="J893" s="3" t="s">
        <v>5077</v>
      </c>
      <c r="K893" s="4">
        <v>43378</v>
      </c>
    </row>
    <row r="894" spans="1:11" ht="45" x14ac:dyDescent="0.25">
      <c r="A894" s="6" t="s">
        <v>1684</v>
      </c>
      <c r="B894" s="8" t="s">
        <v>12</v>
      </c>
      <c r="C894" s="8" t="s">
        <v>1685</v>
      </c>
      <c r="D894" s="8">
        <v>1827</v>
      </c>
      <c r="E894" s="3" t="s">
        <v>1686</v>
      </c>
      <c r="F894" s="6" t="s">
        <v>5092</v>
      </c>
      <c r="G894" s="3" t="s">
        <v>16</v>
      </c>
      <c r="H894" s="3" t="s">
        <v>24</v>
      </c>
      <c r="I894" s="3" t="s">
        <v>18</v>
      </c>
      <c r="J894" s="3" t="s">
        <v>1687</v>
      </c>
      <c r="K894" s="4">
        <v>43378</v>
      </c>
    </row>
    <row r="895" spans="1:11" ht="30" x14ac:dyDescent="0.25">
      <c r="A895" s="6" t="s">
        <v>5181</v>
      </c>
      <c r="B895" s="8" t="s">
        <v>12</v>
      </c>
      <c r="C895" s="8" t="s">
        <v>5182</v>
      </c>
      <c r="D895" s="8" t="s">
        <v>5183</v>
      </c>
      <c r="E895" s="3" t="s">
        <v>5184</v>
      </c>
      <c r="F895" s="6" t="s">
        <v>5185</v>
      </c>
      <c r="G895" s="3" t="s">
        <v>16</v>
      </c>
      <c r="H895" s="3" t="s">
        <v>17</v>
      </c>
      <c r="I895" s="3" t="s">
        <v>18</v>
      </c>
      <c r="J895" s="3" t="s">
        <v>5186</v>
      </c>
      <c r="K895" s="4">
        <v>43378</v>
      </c>
    </row>
    <row r="896" spans="1:11" ht="75" x14ac:dyDescent="0.25">
      <c r="A896" s="6" t="s">
        <v>5223</v>
      </c>
      <c r="B896" s="8" t="s">
        <v>12</v>
      </c>
      <c r="C896" s="8" t="s">
        <v>5224</v>
      </c>
      <c r="D896" s="8">
        <v>1859</v>
      </c>
      <c r="E896" s="3" t="s">
        <v>5225</v>
      </c>
      <c r="F896" s="6" t="s">
        <v>5226</v>
      </c>
      <c r="G896" s="3" t="s">
        <v>16</v>
      </c>
      <c r="H896" s="3" t="s">
        <v>24</v>
      </c>
      <c r="I896" s="3" t="s">
        <v>18</v>
      </c>
      <c r="J896" s="3" t="s">
        <v>5227</v>
      </c>
      <c r="K896" s="4">
        <v>43378</v>
      </c>
    </row>
    <row r="897" spans="1:11" ht="45" x14ac:dyDescent="0.25">
      <c r="A897" s="6" t="s">
        <v>5228</v>
      </c>
      <c r="B897" s="8" t="s">
        <v>12</v>
      </c>
      <c r="C897" s="8" t="s">
        <v>1276</v>
      </c>
      <c r="D897" s="8">
        <v>1849</v>
      </c>
      <c r="E897" s="3" t="s">
        <v>230</v>
      </c>
      <c r="F897" s="6" t="s">
        <v>5229</v>
      </c>
      <c r="G897" s="3" t="s">
        <v>16</v>
      </c>
      <c r="H897" s="3" t="s">
        <v>24</v>
      </c>
      <c r="I897" s="3" t="s">
        <v>18</v>
      </c>
      <c r="J897" s="3" t="s">
        <v>5230</v>
      </c>
      <c r="K897" s="4">
        <v>43378</v>
      </c>
    </row>
    <row r="898" spans="1:11" ht="195" x14ac:dyDescent="0.25">
      <c r="A898" s="6" t="s">
        <v>5388</v>
      </c>
      <c r="B898" s="8" t="s">
        <v>12</v>
      </c>
      <c r="C898" s="8" t="s">
        <v>196</v>
      </c>
      <c r="D898" s="8">
        <v>1571</v>
      </c>
      <c r="E898" s="3" t="s">
        <v>1059</v>
      </c>
      <c r="F898" s="6" t="s">
        <v>5389</v>
      </c>
      <c r="G898" s="3" t="s">
        <v>16</v>
      </c>
      <c r="H898" s="3" t="s">
        <v>24</v>
      </c>
      <c r="I898" s="3" t="s">
        <v>264</v>
      </c>
      <c r="J898" s="3" t="s">
        <v>5390</v>
      </c>
      <c r="K898" s="4">
        <v>43378</v>
      </c>
    </row>
    <row r="899" spans="1:11" ht="60" x14ac:dyDescent="0.25">
      <c r="A899" s="6" t="s">
        <v>5407</v>
      </c>
      <c r="B899" s="8" t="s">
        <v>12</v>
      </c>
      <c r="C899" s="8">
        <v>1547</v>
      </c>
      <c r="D899" s="8">
        <v>1547</v>
      </c>
      <c r="E899" s="3" t="s">
        <v>5408</v>
      </c>
      <c r="F899" s="6" t="s">
        <v>5409</v>
      </c>
      <c r="G899" s="3" t="s">
        <v>16</v>
      </c>
      <c r="H899" s="3" t="s">
        <v>24</v>
      </c>
      <c r="I899" s="3" t="s">
        <v>203</v>
      </c>
      <c r="J899" s="3" t="s">
        <v>3641</v>
      </c>
      <c r="K899" s="4">
        <v>43378</v>
      </c>
    </row>
    <row r="900" spans="1:11" ht="45" x14ac:dyDescent="0.25">
      <c r="A900" s="6" t="s">
        <v>5413</v>
      </c>
      <c r="B900" s="8" t="s">
        <v>12</v>
      </c>
      <c r="C900" s="8" t="s">
        <v>575</v>
      </c>
      <c r="D900" s="8">
        <v>1749</v>
      </c>
      <c r="E900" s="3" t="s">
        <v>5414</v>
      </c>
      <c r="F900" s="6" t="s">
        <v>5415</v>
      </c>
      <c r="G900" s="3" t="s">
        <v>16</v>
      </c>
      <c r="H900" s="3" t="s">
        <v>17</v>
      </c>
      <c r="I900" s="3" t="s">
        <v>18</v>
      </c>
      <c r="J900" s="3" t="s">
        <v>13</v>
      </c>
      <c r="K900" s="4">
        <v>43378</v>
      </c>
    </row>
    <row r="901" spans="1:11" ht="30" x14ac:dyDescent="0.25">
      <c r="A901" s="6" t="s">
        <v>5419</v>
      </c>
      <c r="B901" s="8" t="s">
        <v>12</v>
      </c>
      <c r="C901" s="8" t="s">
        <v>13</v>
      </c>
      <c r="D901" s="8">
        <v>1905</v>
      </c>
      <c r="E901" s="3" t="s">
        <v>13</v>
      </c>
      <c r="F901" s="6" t="s">
        <v>5420</v>
      </c>
      <c r="G901" s="3" t="s">
        <v>16</v>
      </c>
      <c r="H901" s="3" t="s">
        <v>17</v>
      </c>
      <c r="I901" s="3" t="s">
        <v>13</v>
      </c>
      <c r="J901" s="3" t="s">
        <v>5421</v>
      </c>
      <c r="K901" s="4">
        <v>43378</v>
      </c>
    </row>
    <row r="902" spans="1:11" ht="60" x14ac:dyDescent="0.25">
      <c r="A902" s="6" t="s">
        <v>5434</v>
      </c>
      <c r="B902" s="8" t="s">
        <v>12</v>
      </c>
      <c r="C902" s="8" t="s">
        <v>3002</v>
      </c>
      <c r="D902" s="8">
        <v>1759</v>
      </c>
      <c r="E902" s="3" t="s">
        <v>5435</v>
      </c>
      <c r="F902" s="6" t="s">
        <v>5436</v>
      </c>
      <c r="G902" s="3" t="s">
        <v>16</v>
      </c>
      <c r="H902" s="3" t="s">
        <v>17</v>
      </c>
      <c r="I902" s="3" t="s">
        <v>18</v>
      </c>
      <c r="J902" s="3" t="s">
        <v>5437</v>
      </c>
      <c r="K902" s="4">
        <v>43378</v>
      </c>
    </row>
    <row r="903" spans="1:11" ht="60" x14ac:dyDescent="0.25">
      <c r="A903" s="6" t="s">
        <v>5444</v>
      </c>
      <c r="B903" s="8" t="s">
        <v>12</v>
      </c>
      <c r="C903" s="8">
        <v>1526</v>
      </c>
      <c r="D903" s="8">
        <v>1526</v>
      </c>
      <c r="E903" s="3" t="s">
        <v>5445</v>
      </c>
      <c r="F903" s="6" t="s">
        <v>5446</v>
      </c>
      <c r="G903" s="3" t="s">
        <v>16</v>
      </c>
      <c r="H903" s="3" t="s">
        <v>24</v>
      </c>
      <c r="I903" s="3" t="s">
        <v>52</v>
      </c>
      <c r="J903" s="3"/>
      <c r="K903" s="4">
        <v>43378</v>
      </c>
    </row>
    <row r="904" spans="1:11" ht="30" x14ac:dyDescent="0.25">
      <c r="A904" s="6" t="s">
        <v>5543</v>
      </c>
      <c r="B904" s="8" t="s">
        <v>12</v>
      </c>
      <c r="C904" s="8" t="s">
        <v>5544</v>
      </c>
      <c r="D904" s="8">
        <v>1515</v>
      </c>
      <c r="E904" s="3" t="s">
        <v>5545</v>
      </c>
      <c r="F904" s="6" t="s">
        <v>5546</v>
      </c>
      <c r="G904" s="3" t="s">
        <v>16</v>
      </c>
      <c r="H904" s="3" t="s">
        <v>24</v>
      </c>
      <c r="I904" s="3" t="s">
        <v>57</v>
      </c>
      <c r="J904" s="3" t="s">
        <v>2379</v>
      </c>
      <c r="K904" s="4">
        <v>43378</v>
      </c>
    </row>
    <row r="905" spans="1:11" ht="75" x14ac:dyDescent="0.25">
      <c r="A905" s="6" t="s">
        <v>5558</v>
      </c>
      <c r="B905" s="8" t="s">
        <v>12</v>
      </c>
      <c r="C905" s="8" t="s">
        <v>3835</v>
      </c>
      <c r="D905" s="8">
        <v>1857</v>
      </c>
      <c r="E905" s="3" t="s">
        <v>230</v>
      </c>
      <c r="F905" s="6" t="s">
        <v>5559</v>
      </c>
      <c r="G905" s="3" t="s">
        <v>16</v>
      </c>
      <c r="H905" s="3" t="s">
        <v>24</v>
      </c>
      <c r="I905" s="3" t="s">
        <v>18</v>
      </c>
      <c r="J905" s="3" t="s">
        <v>3167</v>
      </c>
      <c r="K905" s="4">
        <v>43378</v>
      </c>
    </row>
    <row r="906" spans="1:11" ht="45" x14ac:dyDescent="0.25">
      <c r="A906" s="6" t="s">
        <v>5564</v>
      </c>
      <c r="B906" s="8" t="s">
        <v>12</v>
      </c>
      <c r="C906" s="8" t="s">
        <v>1950</v>
      </c>
      <c r="D906" s="8">
        <v>1768</v>
      </c>
      <c r="E906" s="3" t="s">
        <v>1143</v>
      </c>
      <c r="F906" s="6" t="s">
        <v>5565</v>
      </c>
      <c r="G906" s="3" t="s">
        <v>16</v>
      </c>
      <c r="H906" s="3" t="s">
        <v>24</v>
      </c>
      <c r="I906" s="3" t="s">
        <v>18</v>
      </c>
      <c r="J906" s="3" t="s">
        <v>634</v>
      </c>
      <c r="K906" s="4">
        <v>43378</v>
      </c>
    </row>
    <row r="907" spans="1:11" ht="75" x14ac:dyDescent="0.25">
      <c r="A907" s="6" t="s">
        <v>5632</v>
      </c>
      <c r="B907" s="8" t="s">
        <v>12</v>
      </c>
      <c r="C907" s="8" t="s">
        <v>5633</v>
      </c>
      <c r="D907" s="8">
        <v>1841</v>
      </c>
      <c r="E907" s="3" t="s">
        <v>5634</v>
      </c>
      <c r="F907" s="6" t="s">
        <v>808</v>
      </c>
      <c r="G907" s="3" t="s">
        <v>16</v>
      </c>
      <c r="H907" s="3" t="s">
        <v>24</v>
      </c>
      <c r="I907" s="3" t="s">
        <v>18</v>
      </c>
      <c r="J907" s="3" t="s">
        <v>5635</v>
      </c>
      <c r="K907" s="4">
        <v>43378</v>
      </c>
    </row>
    <row r="908" spans="1:11" ht="60" x14ac:dyDescent="0.25">
      <c r="A908" s="6" t="s">
        <v>5674</v>
      </c>
      <c r="B908" s="8" t="s">
        <v>12</v>
      </c>
      <c r="C908" s="8" t="s">
        <v>13</v>
      </c>
      <c r="D908" s="8">
        <v>1851</v>
      </c>
      <c r="E908" s="3" t="s">
        <v>5675</v>
      </c>
      <c r="F908" s="6" t="s">
        <v>5676</v>
      </c>
      <c r="G908" s="3" t="s">
        <v>16</v>
      </c>
      <c r="H908" s="3" t="s">
        <v>24</v>
      </c>
      <c r="I908" s="3" t="s">
        <v>18</v>
      </c>
      <c r="J908" s="3" t="s">
        <v>5677</v>
      </c>
      <c r="K908" s="4">
        <v>43378</v>
      </c>
    </row>
    <row r="909" spans="1:11" ht="105" x14ac:dyDescent="0.25">
      <c r="A909" s="6" t="s">
        <v>5722</v>
      </c>
      <c r="B909" s="8" t="s">
        <v>12</v>
      </c>
      <c r="C909" s="8" t="s">
        <v>13</v>
      </c>
      <c r="D909" s="8">
        <v>1840</v>
      </c>
      <c r="E909" s="3" t="s">
        <v>5723</v>
      </c>
      <c r="F909" s="6" t="s">
        <v>5724</v>
      </c>
      <c r="G909" s="3" t="s">
        <v>16</v>
      </c>
      <c r="H909" s="3" t="s">
        <v>17</v>
      </c>
      <c r="I909" s="3" t="s">
        <v>5725</v>
      </c>
      <c r="J909" s="3" t="s">
        <v>5726</v>
      </c>
      <c r="K909" s="4">
        <v>43378</v>
      </c>
    </row>
    <row r="910" spans="1:11" ht="75" x14ac:dyDescent="0.25">
      <c r="A910" s="6" t="s">
        <v>152</v>
      </c>
      <c r="B910" s="8" t="s">
        <v>12</v>
      </c>
      <c r="C910" s="8">
        <v>1862</v>
      </c>
      <c r="D910" s="8">
        <v>1862</v>
      </c>
      <c r="E910" s="3" t="s">
        <v>153</v>
      </c>
      <c r="F910" s="6" t="s">
        <v>154</v>
      </c>
      <c r="G910" s="3" t="s">
        <v>16</v>
      </c>
      <c r="H910" s="3" t="s">
        <v>17</v>
      </c>
      <c r="I910" s="3" t="s">
        <v>18</v>
      </c>
      <c r="J910" s="3" t="s">
        <v>13</v>
      </c>
      <c r="K910" s="4">
        <v>43377</v>
      </c>
    </row>
    <row r="911" spans="1:11" x14ac:dyDescent="0.25">
      <c r="A911" s="6" t="s">
        <v>214</v>
      </c>
      <c r="B911" s="8" t="s">
        <v>12</v>
      </c>
      <c r="C911" s="8" t="s">
        <v>13</v>
      </c>
      <c r="D911" s="8">
        <v>1800</v>
      </c>
      <c r="E911" s="3" t="s">
        <v>13</v>
      </c>
      <c r="F911" s="6" t="s">
        <v>215</v>
      </c>
      <c r="G911" s="3" t="s">
        <v>16</v>
      </c>
      <c r="H911" s="3" t="s">
        <v>17</v>
      </c>
      <c r="I911" s="3" t="s">
        <v>13</v>
      </c>
      <c r="J911" s="3" t="s">
        <v>13</v>
      </c>
      <c r="K911" s="4">
        <v>43377</v>
      </c>
    </row>
    <row r="912" spans="1:11" ht="165" x14ac:dyDescent="0.25">
      <c r="A912" s="6" t="s">
        <v>216</v>
      </c>
      <c r="B912" s="8" t="s">
        <v>12</v>
      </c>
      <c r="C912" s="8" t="s">
        <v>217</v>
      </c>
      <c r="D912" s="8">
        <v>1567</v>
      </c>
      <c r="E912" s="3" t="s">
        <v>218</v>
      </c>
      <c r="F912" s="6" t="s">
        <v>219</v>
      </c>
      <c r="G912" s="3" t="s">
        <v>16</v>
      </c>
      <c r="H912" s="3" t="s">
        <v>30</v>
      </c>
      <c r="I912" s="3" t="s">
        <v>220</v>
      </c>
      <c r="J912" s="3" t="s">
        <v>221</v>
      </c>
      <c r="K912" s="4">
        <v>43377</v>
      </c>
    </row>
    <row r="913" spans="1:11" ht="120" x14ac:dyDescent="0.25">
      <c r="A913" s="6" t="s">
        <v>255</v>
      </c>
      <c r="B913" s="8" t="s">
        <v>12</v>
      </c>
      <c r="C913" s="8" t="s">
        <v>256</v>
      </c>
      <c r="D913" s="8">
        <v>1569</v>
      </c>
      <c r="E913" s="3" t="s">
        <v>257</v>
      </c>
      <c r="F913" s="6" t="s">
        <v>258</v>
      </c>
      <c r="G913" s="3" t="s">
        <v>16</v>
      </c>
      <c r="H913" s="3" t="s">
        <v>24</v>
      </c>
      <c r="I913" s="3" t="s">
        <v>171</v>
      </c>
      <c r="J913" s="3" t="s">
        <v>259</v>
      </c>
      <c r="K913" s="4">
        <v>43377</v>
      </c>
    </row>
    <row r="914" spans="1:11" ht="30" x14ac:dyDescent="0.25">
      <c r="A914" s="6" t="s">
        <v>369</v>
      </c>
      <c r="B914" s="8" t="s">
        <v>12</v>
      </c>
      <c r="C914" s="8">
        <v>1921</v>
      </c>
      <c r="D914" s="8">
        <v>1921</v>
      </c>
      <c r="E914" s="3" t="s">
        <v>370</v>
      </c>
      <c r="F914" s="6" t="s">
        <v>371</v>
      </c>
      <c r="G914" s="3" t="s">
        <v>16</v>
      </c>
      <c r="H914" s="3" t="s">
        <v>17</v>
      </c>
      <c r="I914" s="3" t="s">
        <v>372</v>
      </c>
      <c r="J914" s="3" t="s">
        <v>373</v>
      </c>
      <c r="K914" s="4">
        <v>43377</v>
      </c>
    </row>
    <row r="915" spans="1:11" ht="120" x14ac:dyDescent="0.25">
      <c r="A915" s="6" t="s">
        <v>571</v>
      </c>
      <c r="B915" s="8" t="s">
        <v>12</v>
      </c>
      <c r="C915" s="8" t="s">
        <v>572</v>
      </c>
      <c r="D915" s="8">
        <v>1765</v>
      </c>
      <c r="E915" s="3" t="s">
        <v>13</v>
      </c>
      <c r="F915" s="6" t="s">
        <v>573</v>
      </c>
      <c r="G915" s="3" t="s">
        <v>16</v>
      </c>
      <c r="H915" s="3" t="s">
        <v>24</v>
      </c>
      <c r="I915" s="3" t="s">
        <v>18</v>
      </c>
      <c r="J915" s="3" t="s">
        <v>13</v>
      </c>
      <c r="K915" s="4">
        <v>43377</v>
      </c>
    </row>
    <row r="916" spans="1:11" ht="75" x14ac:dyDescent="0.25">
      <c r="A916" s="6" t="s">
        <v>663</v>
      </c>
      <c r="B916" s="8" t="s">
        <v>12</v>
      </c>
      <c r="C916" s="8" t="s">
        <v>664</v>
      </c>
      <c r="D916" s="8">
        <v>1659</v>
      </c>
      <c r="E916" s="3" t="s">
        <v>665</v>
      </c>
      <c r="F916" s="6" t="s">
        <v>666</v>
      </c>
      <c r="G916" s="3" t="s">
        <v>16</v>
      </c>
      <c r="H916" s="3" t="s">
        <v>24</v>
      </c>
      <c r="I916" s="3" t="s">
        <v>667</v>
      </c>
      <c r="J916" s="3" t="s">
        <v>668</v>
      </c>
      <c r="K916" s="4">
        <v>43377</v>
      </c>
    </row>
    <row r="917" spans="1:11" ht="360" x14ac:dyDescent="0.25">
      <c r="A917" s="6" t="s">
        <v>818</v>
      </c>
      <c r="B917" s="8" t="s">
        <v>12</v>
      </c>
      <c r="C917" s="8" t="s">
        <v>179</v>
      </c>
      <c r="D917" s="8">
        <v>1551</v>
      </c>
      <c r="E917" s="3" t="s">
        <v>819</v>
      </c>
      <c r="F917" s="6" t="s">
        <v>820</v>
      </c>
      <c r="G917" s="3" t="s">
        <v>16</v>
      </c>
      <c r="H917" s="3" t="s">
        <v>24</v>
      </c>
      <c r="I917" s="3" t="s">
        <v>182</v>
      </c>
      <c r="J917" s="3" t="s">
        <v>821</v>
      </c>
      <c r="K917" s="4">
        <v>43377</v>
      </c>
    </row>
    <row r="918" spans="1:11" ht="30" x14ac:dyDescent="0.25">
      <c r="A918" s="6" t="s">
        <v>849</v>
      </c>
      <c r="B918" s="8" t="s">
        <v>12</v>
      </c>
      <c r="C918" s="8" t="s">
        <v>850</v>
      </c>
      <c r="D918" s="8">
        <v>1729</v>
      </c>
      <c r="E918" s="3" t="s">
        <v>851</v>
      </c>
      <c r="F918" s="6" t="s">
        <v>852</v>
      </c>
      <c r="G918" s="3" t="s">
        <v>16</v>
      </c>
      <c r="H918" s="3" t="s">
        <v>24</v>
      </c>
      <c r="I918" s="3" t="s">
        <v>18</v>
      </c>
      <c r="J918" s="3" t="s">
        <v>853</v>
      </c>
      <c r="K918" s="4">
        <v>43377</v>
      </c>
    </row>
    <row r="919" spans="1:11" ht="45" x14ac:dyDescent="0.25">
      <c r="A919" s="6" t="s">
        <v>882</v>
      </c>
      <c r="B919" s="8" t="s">
        <v>12</v>
      </c>
      <c r="C919" s="8">
        <v>1911</v>
      </c>
      <c r="D919" s="8">
        <v>1911</v>
      </c>
      <c r="E919" s="3" t="s">
        <v>83</v>
      </c>
      <c r="F919" s="6" t="s">
        <v>883</v>
      </c>
      <c r="G919" s="3" t="s">
        <v>16</v>
      </c>
      <c r="H919" s="3" t="s">
        <v>17</v>
      </c>
      <c r="I919" s="3" t="s">
        <v>85</v>
      </c>
      <c r="J919" s="3" t="s">
        <v>884</v>
      </c>
      <c r="K919" s="4">
        <v>43377</v>
      </c>
    </row>
    <row r="920" spans="1:11" ht="30" x14ac:dyDescent="0.25">
      <c r="A920" s="6" t="s">
        <v>968</v>
      </c>
      <c r="B920" s="8" t="s">
        <v>12</v>
      </c>
      <c r="C920" s="8" t="s">
        <v>664</v>
      </c>
      <c r="D920" s="8">
        <v>1659</v>
      </c>
      <c r="E920" s="3" t="s">
        <v>969</v>
      </c>
      <c r="F920" s="6" t="s">
        <v>970</v>
      </c>
      <c r="G920" s="3" t="s">
        <v>16</v>
      </c>
      <c r="H920" s="3" t="s">
        <v>24</v>
      </c>
      <c r="I920" s="3" t="s">
        <v>739</v>
      </c>
      <c r="J920" s="3" t="s">
        <v>971</v>
      </c>
      <c r="K920" s="4">
        <v>43377</v>
      </c>
    </row>
    <row r="921" spans="1:11" ht="45" x14ac:dyDescent="0.25">
      <c r="A921" s="6" t="s">
        <v>983</v>
      </c>
      <c r="B921" s="8" t="s">
        <v>12</v>
      </c>
      <c r="C921" s="8">
        <v>1919</v>
      </c>
      <c r="D921" s="8">
        <v>1919</v>
      </c>
      <c r="E921" s="3" t="s">
        <v>984</v>
      </c>
      <c r="F921" s="6" t="s">
        <v>985</v>
      </c>
      <c r="G921" s="3" t="s">
        <v>16</v>
      </c>
      <c r="H921" s="3" t="s">
        <v>17</v>
      </c>
      <c r="I921" s="3" t="s">
        <v>18</v>
      </c>
      <c r="J921" s="3" t="s">
        <v>986</v>
      </c>
      <c r="K921" s="4">
        <v>43377</v>
      </c>
    </row>
    <row r="922" spans="1:11" ht="45" x14ac:dyDescent="0.25">
      <c r="A922" s="6" t="s">
        <v>1032</v>
      </c>
      <c r="B922" s="8" t="s">
        <v>12</v>
      </c>
      <c r="C922" s="8">
        <v>1671</v>
      </c>
      <c r="D922" s="8">
        <v>1671</v>
      </c>
      <c r="E922" s="3" t="s">
        <v>1033</v>
      </c>
      <c r="F922" s="6" t="s">
        <v>1034</v>
      </c>
      <c r="G922" s="3" t="s">
        <v>16</v>
      </c>
      <c r="H922" s="3" t="s">
        <v>24</v>
      </c>
      <c r="I922" s="3" t="s">
        <v>57</v>
      </c>
      <c r="J922" s="3" t="s">
        <v>13</v>
      </c>
      <c r="K922" s="4">
        <v>43377</v>
      </c>
    </row>
    <row r="923" spans="1:11" ht="105" x14ac:dyDescent="0.25">
      <c r="A923" s="6" t="s">
        <v>1039</v>
      </c>
      <c r="B923" s="8" t="s">
        <v>12</v>
      </c>
      <c r="C923" s="8" t="s">
        <v>1040</v>
      </c>
      <c r="D923" s="8">
        <v>1547</v>
      </c>
      <c r="E923" s="3" t="s">
        <v>1041</v>
      </c>
      <c r="F923" s="6" t="s">
        <v>1042</v>
      </c>
      <c r="G923" s="3" t="s">
        <v>16</v>
      </c>
      <c r="H923" s="3" t="s">
        <v>24</v>
      </c>
      <c r="I923" s="3" t="s">
        <v>264</v>
      </c>
      <c r="J923" s="3"/>
      <c r="K923" s="4">
        <v>43377</v>
      </c>
    </row>
    <row r="924" spans="1:11" x14ac:dyDescent="0.25">
      <c r="A924" s="6" t="s">
        <v>1054</v>
      </c>
      <c r="B924" s="8" t="s">
        <v>12</v>
      </c>
      <c r="C924" s="8">
        <v>1806</v>
      </c>
      <c r="D924" s="8">
        <v>1806</v>
      </c>
      <c r="E924" s="3" t="s">
        <v>1055</v>
      </c>
      <c r="F924" s="6" t="s">
        <v>1056</v>
      </c>
      <c r="G924" s="3" t="s">
        <v>16</v>
      </c>
      <c r="H924" s="3" t="s">
        <v>17</v>
      </c>
      <c r="I924" s="3" t="s">
        <v>18</v>
      </c>
      <c r="J924" s="3" t="s">
        <v>1057</v>
      </c>
      <c r="K924" s="4">
        <v>43377</v>
      </c>
    </row>
    <row r="925" spans="1:11" ht="75" x14ac:dyDescent="0.25">
      <c r="A925" s="6" t="s">
        <v>1062</v>
      </c>
      <c r="B925" s="8" t="s">
        <v>12</v>
      </c>
      <c r="C925" s="8" t="s">
        <v>1063</v>
      </c>
      <c r="D925" s="8">
        <v>1560</v>
      </c>
      <c r="E925" s="3" t="s">
        <v>856</v>
      </c>
      <c r="F925" s="6" t="s">
        <v>1064</v>
      </c>
      <c r="G925" s="3" t="s">
        <v>16</v>
      </c>
      <c r="H925" s="3" t="s">
        <v>24</v>
      </c>
      <c r="I925" s="3" t="s">
        <v>264</v>
      </c>
      <c r="J925" s="3" t="s">
        <v>1065</v>
      </c>
      <c r="K925" s="4">
        <v>43377</v>
      </c>
    </row>
    <row r="926" spans="1:11" ht="90" x14ac:dyDescent="0.25">
      <c r="A926" s="6" t="s">
        <v>1109</v>
      </c>
      <c r="B926" s="8" t="s">
        <v>12</v>
      </c>
      <c r="C926" s="8" t="s">
        <v>535</v>
      </c>
      <c r="D926" s="8">
        <v>1573</v>
      </c>
      <c r="E926" s="3" t="s">
        <v>1110</v>
      </c>
      <c r="F926" s="6" t="s">
        <v>1111</v>
      </c>
      <c r="G926" s="3" t="s">
        <v>16</v>
      </c>
      <c r="H926" s="3" t="s">
        <v>24</v>
      </c>
      <c r="I926" s="3" t="s">
        <v>858</v>
      </c>
      <c r="J926" s="3" t="s">
        <v>1112</v>
      </c>
      <c r="K926" s="4">
        <v>43377</v>
      </c>
    </row>
    <row r="927" spans="1:11" ht="30" x14ac:dyDescent="0.25">
      <c r="A927" s="6" t="s">
        <v>1186</v>
      </c>
      <c r="B927" s="8" t="s">
        <v>12</v>
      </c>
      <c r="C927" s="8" t="s">
        <v>1187</v>
      </c>
      <c r="D927" s="8">
        <v>1692</v>
      </c>
      <c r="E927" s="3" t="s">
        <v>1188</v>
      </c>
      <c r="F927" s="6" t="s">
        <v>1189</v>
      </c>
      <c r="G927" s="3" t="s">
        <v>16</v>
      </c>
      <c r="H927" s="3" t="s">
        <v>24</v>
      </c>
      <c r="I927" s="3" t="s">
        <v>226</v>
      </c>
      <c r="J927" s="3" t="s">
        <v>1190</v>
      </c>
      <c r="K927" s="4">
        <v>43377</v>
      </c>
    </row>
    <row r="928" spans="1:11" ht="60" x14ac:dyDescent="0.25">
      <c r="A928" s="6" t="s">
        <v>1203</v>
      </c>
      <c r="B928" s="8" t="s">
        <v>12</v>
      </c>
      <c r="C928" s="8" t="s">
        <v>855</v>
      </c>
      <c r="D928" s="8">
        <v>1658</v>
      </c>
      <c r="E928" s="3" t="s">
        <v>969</v>
      </c>
      <c r="F928" s="6" t="s">
        <v>970</v>
      </c>
      <c r="G928" s="3" t="s">
        <v>16</v>
      </c>
      <c r="H928" s="3" t="s">
        <v>24</v>
      </c>
      <c r="I928" s="3" t="s">
        <v>739</v>
      </c>
      <c r="J928" s="3" t="s">
        <v>971</v>
      </c>
      <c r="K928" s="4">
        <v>43377</v>
      </c>
    </row>
    <row r="929" spans="1:11" ht="45" x14ac:dyDescent="0.25">
      <c r="A929" s="6" t="s">
        <v>1429</v>
      </c>
      <c r="B929" s="8" t="s">
        <v>12</v>
      </c>
      <c r="C929" s="8" t="s">
        <v>1430</v>
      </c>
      <c r="D929" s="8">
        <v>1848</v>
      </c>
      <c r="E929" s="3" t="s">
        <v>1431</v>
      </c>
      <c r="F929" s="6" t="s">
        <v>1432</v>
      </c>
      <c r="G929" s="3" t="s">
        <v>16</v>
      </c>
      <c r="H929" s="3" t="s">
        <v>24</v>
      </c>
      <c r="I929" s="3" t="s">
        <v>18</v>
      </c>
      <c r="J929" s="3" t="s">
        <v>1433</v>
      </c>
      <c r="K929" s="4">
        <v>43377</v>
      </c>
    </row>
    <row r="930" spans="1:11" ht="180" x14ac:dyDescent="0.25">
      <c r="A930" s="6" t="s">
        <v>1444</v>
      </c>
      <c r="B930" s="8" t="s">
        <v>12</v>
      </c>
      <c r="C930" s="8" t="s">
        <v>179</v>
      </c>
      <c r="D930" s="8">
        <v>1551</v>
      </c>
      <c r="E930" s="3" t="s">
        <v>1445</v>
      </c>
      <c r="F930" s="6" t="s">
        <v>1446</v>
      </c>
      <c r="G930" s="3" t="s">
        <v>16</v>
      </c>
      <c r="H930" s="3" t="s">
        <v>24</v>
      </c>
      <c r="I930" s="3" t="s">
        <v>31</v>
      </c>
      <c r="J930" s="3" t="s">
        <v>430</v>
      </c>
      <c r="K930" s="4">
        <v>43377</v>
      </c>
    </row>
    <row r="931" spans="1:11" ht="30" x14ac:dyDescent="0.25">
      <c r="A931" s="6" t="s">
        <v>1455</v>
      </c>
      <c r="B931" s="8" t="s">
        <v>12</v>
      </c>
      <c r="C931" s="8" t="s">
        <v>13</v>
      </c>
      <c r="D931" s="8">
        <v>1922</v>
      </c>
      <c r="E931" s="3" t="s">
        <v>1456</v>
      </c>
      <c r="F931" s="6" t="s">
        <v>1457</v>
      </c>
      <c r="G931" s="3" t="s">
        <v>16</v>
      </c>
      <c r="H931" s="3" t="s">
        <v>17</v>
      </c>
      <c r="I931" s="3" t="s">
        <v>85</v>
      </c>
      <c r="J931" s="3" t="s">
        <v>122</v>
      </c>
      <c r="K931" s="4">
        <v>43377</v>
      </c>
    </row>
    <row r="932" spans="1:11" ht="120" x14ac:dyDescent="0.25">
      <c r="A932" s="6" t="s">
        <v>1530</v>
      </c>
      <c r="B932" s="8" t="s">
        <v>12</v>
      </c>
      <c r="C932" s="8" t="s">
        <v>13</v>
      </c>
      <c r="D932" s="8">
        <v>1518</v>
      </c>
      <c r="E932" s="3" t="s">
        <v>1531</v>
      </c>
      <c r="F932" s="6" t="s">
        <v>1532</v>
      </c>
      <c r="G932" s="3" t="s">
        <v>16</v>
      </c>
      <c r="H932" s="3" t="s">
        <v>30</v>
      </c>
      <c r="I932" s="3" t="s">
        <v>264</v>
      </c>
      <c r="J932" s="3" t="s">
        <v>1533</v>
      </c>
      <c r="K932" s="4">
        <v>43377</v>
      </c>
    </row>
    <row r="933" spans="1:11" ht="195" x14ac:dyDescent="0.25">
      <c r="A933" s="6" t="s">
        <v>1784</v>
      </c>
      <c r="B933" s="8" t="s">
        <v>12</v>
      </c>
      <c r="C933" s="8" t="s">
        <v>21</v>
      </c>
      <c r="D933" s="8">
        <v>1574</v>
      </c>
      <c r="E933" s="3" t="s">
        <v>1785</v>
      </c>
      <c r="F933" s="6" t="s">
        <v>1786</v>
      </c>
      <c r="G933" s="3" t="s">
        <v>16</v>
      </c>
      <c r="H933" s="3" t="s">
        <v>24</v>
      </c>
      <c r="I933" s="3" t="s">
        <v>220</v>
      </c>
      <c r="J933" s="3" t="s">
        <v>1787</v>
      </c>
      <c r="K933" s="4">
        <v>43377</v>
      </c>
    </row>
    <row r="934" spans="1:11" x14ac:dyDescent="0.25">
      <c r="A934" s="6" t="s">
        <v>1817</v>
      </c>
      <c r="B934" s="8" t="s">
        <v>12</v>
      </c>
      <c r="C934" s="8">
        <v>1798</v>
      </c>
      <c r="D934" s="8">
        <v>1798</v>
      </c>
      <c r="E934" s="3" t="s">
        <v>1818</v>
      </c>
      <c r="F934" s="6" t="s">
        <v>1819</v>
      </c>
      <c r="G934" s="3" t="s">
        <v>16</v>
      </c>
      <c r="H934" s="3" t="s">
        <v>17</v>
      </c>
      <c r="I934" s="3" t="s">
        <v>1820</v>
      </c>
      <c r="J934" s="3" t="s">
        <v>1821</v>
      </c>
      <c r="K934" s="4">
        <v>43377</v>
      </c>
    </row>
    <row r="935" spans="1:11" ht="30" x14ac:dyDescent="0.25">
      <c r="A935" s="6" t="s">
        <v>1866</v>
      </c>
      <c r="B935" s="8" t="s">
        <v>12</v>
      </c>
      <c r="C935" s="8" t="s">
        <v>1685</v>
      </c>
      <c r="D935" s="8">
        <v>1827</v>
      </c>
      <c r="E935" s="3" t="s">
        <v>1867</v>
      </c>
      <c r="F935" s="6" t="s">
        <v>1868</v>
      </c>
      <c r="G935" s="3" t="s">
        <v>16</v>
      </c>
      <c r="H935" s="3" t="s">
        <v>17</v>
      </c>
      <c r="I935" s="3" t="s">
        <v>18</v>
      </c>
      <c r="J935" s="3" t="s">
        <v>1869</v>
      </c>
      <c r="K935" s="4">
        <v>43377</v>
      </c>
    </row>
    <row r="936" spans="1:11" ht="30" x14ac:dyDescent="0.25">
      <c r="A936" s="6" t="s">
        <v>2008</v>
      </c>
      <c r="B936" s="8" t="s">
        <v>12</v>
      </c>
      <c r="C936" s="8">
        <v>1564</v>
      </c>
      <c r="D936" s="8">
        <v>1564</v>
      </c>
      <c r="E936" s="3" t="s">
        <v>1640</v>
      </c>
      <c r="F936" s="6" t="s">
        <v>2009</v>
      </c>
      <c r="G936" s="3" t="s">
        <v>16</v>
      </c>
      <c r="H936" s="3" t="s">
        <v>24</v>
      </c>
      <c r="I936" s="3" t="s">
        <v>52</v>
      </c>
      <c r="J936" s="3" t="s">
        <v>1642</v>
      </c>
      <c r="K936" s="4">
        <v>43377</v>
      </c>
    </row>
    <row r="937" spans="1:11" ht="30" x14ac:dyDescent="0.25">
      <c r="A937" s="6" t="s">
        <v>2010</v>
      </c>
      <c r="B937" s="8" t="s">
        <v>12</v>
      </c>
      <c r="C937" s="8">
        <v>1856</v>
      </c>
      <c r="D937" s="8">
        <v>1856</v>
      </c>
      <c r="E937" s="3" t="s">
        <v>2011</v>
      </c>
      <c r="F937" s="6" t="s">
        <v>2012</v>
      </c>
      <c r="G937" s="3" t="s">
        <v>16</v>
      </c>
      <c r="H937" s="3" t="s">
        <v>17</v>
      </c>
      <c r="I937" s="3" t="s">
        <v>18</v>
      </c>
      <c r="J937" s="3" t="s">
        <v>2013</v>
      </c>
      <c r="K937" s="4">
        <v>43377</v>
      </c>
    </row>
    <row r="938" spans="1:11" ht="60" x14ac:dyDescent="0.25">
      <c r="A938" s="6" t="s">
        <v>2054</v>
      </c>
      <c r="B938" s="8" t="s">
        <v>12</v>
      </c>
      <c r="C938" s="8" t="s">
        <v>2055</v>
      </c>
      <c r="D938" s="8">
        <v>1760</v>
      </c>
      <c r="E938" s="3" t="s">
        <v>2056</v>
      </c>
      <c r="F938" s="6" t="s">
        <v>2057</v>
      </c>
      <c r="G938" s="3" t="s">
        <v>16</v>
      </c>
      <c r="H938" s="3" t="s">
        <v>24</v>
      </c>
      <c r="I938" s="3" t="s">
        <v>18</v>
      </c>
      <c r="J938" s="3" t="s">
        <v>2058</v>
      </c>
      <c r="K938" s="4">
        <v>43377</v>
      </c>
    </row>
    <row r="939" spans="1:11" ht="75" x14ac:dyDescent="0.25">
      <c r="A939" s="6" t="s">
        <v>2064</v>
      </c>
      <c r="B939" s="8" t="s">
        <v>12</v>
      </c>
      <c r="C939" s="8">
        <v>1557</v>
      </c>
      <c r="D939" s="8">
        <v>1557</v>
      </c>
      <c r="E939" s="3" t="s">
        <v>2065</v>
      </c>
      <c r="F939" s="6" t="s">
        <v>2066</v>
      </c>
      <c r="G939" s="3" t="s">
        <v>16</v>
      </c>
      <c r="H939" s="3" t="s">
        <v>24</v>
      </c>
      <c r="I939" s="3" t="s">
        <v>264</v>
      </c>
      <c r="J939" s="3" t="s">
        <v>2067</v>
      </c>
      <c r="K939" s="4">
        <v>43377</v>
      </c>
    </row>
    <row r="940" spans="1:11" ht="75" x14ac:dyDescent="0.25">
      <c r="A940" s="6" t="s">
        <v>2245</v>
      </c>
      <c r="B940" s="8" t="s">
        <v>12</v>
      </c>
      <c r="C940" s="8">
        <v>1857</v>
      </c>
      <c r="D940" s="8">
        <v>1857</v>
      </c>
      <c r="E940" s="3" t="s">
        <v>153</v>
      </c>
      <c r="F940" s="6" t="s">
        <v>154</v>
      </c>
      <c r="G940" s="3" t="s">
        <v>16</v>
      </c>
      <c r="H940" s="3" t="s">
        <v>17</v>
      </c>
      <c r="I940" s="3" t="s">
        <v>18</v>
      </c>
      <c r="J940" s="3" t="s">
        <v>13</v>
      </c>
      <c r="K940" s="4">
        <v>43377</v>
      </c>
    </row>
    <row r="941" spans="1:11" ht="75" x14ac:dyDescent="0.25">
      <c r="A941" s="6" t="s">
        <v>2287</v>
      </c>
      <c r="B941" s="8" t="s">
        <v>12</v>
      </c>
      <c r="C941" s="8">
        <v>1858</v>
      </c>
      <c r="D941" s="8">
        <v>1858</v>
      </c>
      <c r="E941" s="3" t="s">
        <v>153</v>
      </c>
      <c r="F941" s="6" t="s">
        <v>154</v>
      </c>
      <c r="G941" s="3" t="s">
        <v>16</v>
      </c>
      <c r="H941" s="3" t="s">
        <v>17</v>
      </c>
      <c r="I941" s="3" t="s">
        <v>18</v>
      </c>
      <c r="J941" s="3" t="s">
        <v>13</v>
      </c>
      <c r="K941" s="4">
        <v>43377</v>
      </c>
    </row>
    <row r="942" spans="1:11" ht="150" x14ac:dyDescent="0.25">
      <c r="A942" s="6" t="s">
        <v>2331</v>
      </c>
      <c r="B942" s="8" t="s">
        <v>12</v>
      </c>
      <c r="C942" s="8" t="s">
        <v>2332</v>
      </c>
      <c r="D942" s="8" t="s">
        <v>2333</v>
      </c>
      <c r="E942" s="3" t="s">
        <v>1030</v>
      </c>
      <c r="F942" s="6" t="s">
        <v>2334</v>
      </c>
      <c r="G942" s="3" t="s">
        <v>16</v>
      </c>
      <c r="H942" s="3" t="s">
        <v>17</v>
      </c>
      <c r="I942" s="3" t="s">
        <v>18</v>
      </c>
      <c r="J942" s="3" t="s">
        <v>2335</v>
      </c>
      <c r="K942" s="4">
        <v>43377</v>
      </c>
    </row>
    <row r="943" spans="1:11" ht="30" x14ac:dyDescent="0.25">
      <c r="A943" s="6" t="s">
        <v>2341</v>
      </c>
      <c r="B943" s="8" t="s">
        <v>12</v>
      </c>
      <c r="C943" s="8" t="s">
        <v>2342</v>
      </c>
      <c r="D943" s="8" t="s">
        <v>2343</v>
      </c>
      <c r="E943" s="3" t="s">
        <v>13</v>
      </c>
      <c r="F943" s="6" t="s">
        <v>2344</v>
      </c>
      <c r="G943" s="3" t="s">
        <v>16</v>
      </c>
      <c r="H943" s="3" t="s">
        <v>244</v>
      </c>
      <c r="I943" s="3" t="s">
        <v>13</v>
      </c>
      <c r="J943" s="3" t="s">
        <v>2345</v>
      </c>
      <c r="K943" s="4">
        <v>43377</v>
      </c>
    </row>
    <row r="944" spans="1:11" ht="90" x14ac:dyDescent="0.25">
      <c r="A944" s="6" t="s">
        <v>2346</v>
      </c>
      <c r="B944" s="8" t="s">
        <v>12</v>
      </c>
      <c r="C944" s="8" t="s">
        <v>1096</v>
      </c>
      <c r="D944" s="8">
        <v>1579</v>
      </c>
      <c r="E944" s="3" t="s">
        <v>2347</v>
      </c>
      <c r="F944" s="6" t="s">
        <v>2348</v>
      </c>
      <c r="G944" s="3" t="s">
        <v>16</v>
      </c>
      <c r="H944" s="3" t="s">
        <v>24</v>
      </c>
      <c r="I944" s="3" t="s">
        <v>388</v>
      </c>
      <c r="J944" s="3" t="s">
        <v>2194</v>
      </c>
      <c r="K944" s="4">
        <v>43377</v>
      </c>
    </row>
    <row r="945" spans="1:11" ht="30" x14ac:dyDescent="0.25">
      <c r="A945" s="6" t="s">
        <v>2409</v>
      </c>
      <c r="B945" s="8" t="s">
        <v>12</v>
      </c>
      <c r="C945" s="8">
        <v>1849</v>
      </c>
      <c r="D945" s="8">
        <v>1849</v>
      </c>
      <c r="E945" s="3" t="s">
        <v>2410</v>
      </c>
      <c r="F945" s="6" t="s">
        <v>2411</v>
      </c>
      <c r="G945" s="3" t="s">
        <v>16</v>
      </c>
      <c r="H945" s="3" t="s">
        <v>17</v>
      </c>
      <c r="I945" s="3" t="s">
        <v>18</v>
      </c>
      <c r="J945" s="3" t="s">
        <v>2412</v>
      </c>
      <c r="K945" s="4">
        <v>43377</v>
      </c>
    </row>
    <row r="946" spans="1:11" ht="150" x14ac:dyDescent="0.25">
      <c r="A946" s="6" t="s">
        <v>2542</v>
      </c>
      <c r="B946" s="8" t="s">
        <v>12</v>
      </c>
      <c r="C946" s="8" t="s">
        <v>13</v>
      </c>
      <c r="D946" s="8">
        <v>1847</v>
      </c>
      <c r="E946" s="3" t="s">
        <v>13</v>
      </c>
      <c r="F946" s="6" t="s">
        <v>2543</v>
      </c>
      <c r="G946" s="3" t="s">
        <v>16</v>
      </c>
      <c r="H946" s="3" t="s">
        <v>17</v>
      </c>
      <c r="I946" s="3" t="s">
        <v>13</v>
      </c>
      <c r="J946" s="3" t="s">
        <v>2544</v>
      </c>
      <c r="K946" s="4">
        <v>43377</v>
      </c>
    </row>
    <row r="947" spans="1:11" ht="30" x14ac:dyDescent="0.25">
      <c r="A947" s="6" t="s">
        <v>2559</v>
      </c>
      <c r="B947" s="8" t="s">
        <v>12</v>
      </c>
      <c r="C947" s="8" t="s">
        <v>2184</v>
      </c>
      <c r="D947" s="8">
        <v>1621</v>
      </c>
      <c r="E947" s="3" t="s">
        <v>2560</v>
      </c>
      <c r="F947" s="6" t="s">
        <v>2561</v>
      </c>
      <c r="G947" s="3" t="s">
        <v>16</v>
      </c>
      <c r="H947" s="3" t="s">
        <v>24</v>
      </c>
      <c r="I947" s="3" t="s">
        <v>858</v>
      </c>
      <c r="J947" s="3" t="s">
        <v>2562</v>
      </c>
      <c r="K947" s="4">
        <v>43377</v>
      </c>
    </row>
    <row r="948" spans="1:11" x14ac:dyDescent="0.25">
      <c r="A948" s="6" t="s">
        <v>2617</v>
      </c>
      <c r="B948" s="8" t="s">
        <v>12</v>
      </c>
      <c r="C948" s="8" t="s">
        <v>2618</v>
      </c>
      <c r="D948" s="8">
        <v>1785</v>
      </c>
      <c r="E948" s="3" t="s">
        <v>2619</v>
      </c>
      <c r="F948" s="6" t="s">
        <v>2620</v>
      </c>
      <c r="G948" s="3" t="s">
        <v>16</v>
      </c>
      <c r="H948" s="3" t="s">
        <v>17</v>
      </c>
      <c r="I948" s="3" t="s">
        <v>18</v>
      </c>
      <c r="J948" s="3" t="s">
        <v>2621</v>
      </c>
      <c r="K948" s="4">
        <v>43377</v>
      </c>
    </row>
    <row r="949" spans="1:11" ht="60" x14ac:dyDescent="0.25">
      <c r="A949" s="6" t="s">
        <v>2664</v>
      </c>
      <c r="B949" s="8" t="s">
        <v>12</v>
      </c>
      <c r="C949" s="8">
        <v>1530</v>
      </c>
      <c r="D949" s="8">
        <v>1530</v>
      </c>
      <c r="E949" s="3" t="s">
        <v>397</v>
      </c>
      <c r="F949" s="6" t="s">
        <v>2665</v>
      </c>
      <c r="G949" s="3" t="s">
        <v>16</v>
      </c>
      <c r="H949" s="3" t="s">
        <v>24</v>
      </c>
      <c r="I949" s="3" t="s">
        <v>52</v>
      </c>
      <c r="J949" s="3" t="s">
        <v>399</v>
      </c>
      <c r="K949" s="4">
        <v>43377</v>
      </c>
    </row>
    <row r="950" spans="1:11" ht="105" x14ac:dyDescent="0.25">
      <c r="A950" s="6" t="s">
        <v>2742</v>
      </c>
      <c r="B950" s="8" t="s">
        <v>12</v>
      </c>
      <c r="C950" s="8">
        <v>1529</v>
      </c>
      <c r="D950" s="8">
        <v>1529</v>
      </c>
      <c r="E950" s="3" t="s">
        <v>397</v>
      </c>
      <c r="F950" s="6" t="s">
        <v>2743</v>
      </c>
      <c r="G950" s="3" t="s">
        <v>16</v>
      </c>
      <c r="H950" s="3" t="s">
        <v>244</v>
      </c>
      <c r="I950" s="3" t="s">
        <v>171</v>
      </c>
      <c r="J950" s="3"/>
      <c r="K950" s="4">
        <v>43377</v>
      </c>
    </row>
    <row r="951" spans="1:11" ht="150" x14ac:dyDescent="0.25">
      <c r="A951" s="6" t="s">
        <v>2887</v>
      </c>
      <c r="B951" s="8" t="s">
        <v>12</v>
      </c>
      <c r="C951" s="8" t="s">
        <v>21</v>
      </c>
      <c r="D951" s="8">
        <v>1574</v>
      </c>
      <c r="E951" s="3" t="s">
        <v>1051</v>
      </c>
      <c r="F951" s="6" t="s">
        <v>2888</v>
      </c>
      <c r="G951" s="3" t="s">
        <v>16</v>
      </c>
      <c r="H951" s="3" t="s">
        <v>24</v>
      </c>
      <c r="I951" s="3" t="s">
        <v>203</v>
      </c>
      <c r="J951" s="3" t="s">
        <v>2889</v>
      </c>
      <c r="K951" s="4">
        <v>43377</v>
      </c>
    </row>
    <row r="952" spans="1:11" ht="150" x14ac:dyDescent="0.25">
      <c r="A952" s="6" t="s">
        <v>2913</v>
      </c>
      <c r="B952" s="8" t="s">
        <v>12</v>
      </c>
      <c r="C952" s="8" t="s">
        <v>2914</v>
      </c>
      <c r="D952" s="8">
        <v>1555</v>
      </c>
      <c r="E952" s="3" t="s">
        <v>2915</v>
      </c>
      <c r="F952" s="6" t="s">
        <v>2916</v>
      </c>
      <c r="G952" s="3" t="s">
        <v>16</v>
      </c>
      <c r="H952" s="3" t="s">
        <v>24</v>
      </c>
      <c r="I952" s="3" t="s">
        <v>264</v>
      </c>
      <c r="J952" s="3" t="s">
        <v>2917</v>
      </c>
      <c r="K952" s="4">
        <v>43377</v>
      </c>
    </row>
    <row r="953" spans="1:11" ht="75" x14ac:dyDescent="0.25">
      <c r="A953" s="6" t="s">
        <v>3010</v>
      </c>
      <c r="B953" s="8" t="s">
        <v>12</v>
      </c>
      <c r="C953" s="8">
        <v>1859</v>
      </c>
      <c r="D953" s="8">
        <v>1859</v>
      </c>
      <c r="E953" s="3" t="s">
        <v>3011</v>
      </c>
      <c r="F953" s="6" t="s">
        <v>154</v>
      </c>
      <c r="G953" s="3" t="s">
        <v>16</v>
      </c>
      <c r="H953" s="3" t="s">
        <v>17</v>
      </c>
      <c r="I953" s="3" t="s">
        <v>18</v>
      </c>
      <c r="J953" s="3" t="s">
        <v>13</v>
      </c>
      <c r="K953" s="4">
        <v>43377</v>
      </c>
    </row>
    <row r="954" spans="1:11" ht="45" x14ac:dyDescent="0.25">
      <c r="A954" s="6" t="s">
        <v>3272</v>
      </c>
      <c r="B954" s="8" t="s">
        <v>12</v>
      </c>
      <c r="C954" s="8" t="s">
        <v>13</v>
      </c>
      <c r="D954" s="8">
        <v>1552</v>
      </c>
      <c r="E954" s="3" t="s">
        <v>3273</v>
      </c>
      <c r="F954" s="6" t="s">
        <v>3274</v>
      </c>
      <c r="G954" s="3" t="s">
        <v>16</v>
      </c>
      <c r="H954" s="3" t="s">
        <v>24</v>
      </c>
      <c r="I954" s="3" t="s">
        <v>858</v>
      </c>
      <c r="J954" s="3" t="s">
        <v>3275</v>
      </c>
      <c r="K954" s="4">
        <v>43377</v>
      </c>
    </row>
    <row r="955" spans="1:11" ht="30" x14ac:dyDescent="0.25">
      <c r="A955" s="6" t="s">
        <v>3298</v>
      </c>
      <c r="B955" s="8" t="s">
        <v>12</v>
      </c>
      <c r="C955" s="8">
        <v>1565</v>
      </c>
      <c r="D955" s="8">
        <v>1565</v>
      </c>
      <c r="E955" s="3" t="s">
        <v>3299</v>
      </c>
      <c r="F955" s="6" t="s">
        <v>3300</v>
      </c>
      <c r="G955" s="3" t="s">
        <v>16</v>
      </c>
      <c r="H955" s="3" t="s">
        <v>24</v>
      </c>
      <c r="I955" s="3" t="s">
        <v>52</v>
      </c>
      <c r="J955" s="3" t="s">
        <v>1642</v>
      </c>
      <c r="K955" s="4">
        <v>43377</v>
      </c>
    </row>
    <row r="956" spans="1:11" ht="30" x14ac:dyDescent="0.25">
      <c r="A956" s="6" t="s">
        <v>3471</v>
      </c>
      <c r="B956" s="8" t="s">
        <v>12</v>
      </c>
      <c r="C956" s="8">
        <v>1808</v>
      </c>
      <c r="D956" s="8">
        <v>1808</v>
      </c>
      <c r="E956" s="3" t="s">
        <v>1055</v>
      </c>
      <c r="F956" s="6" t="s">
        <v>3472</v>
      </c>
      <c r="G956" s="3" t="s">
        <v>16</v>
      </c>
      <c r="H956" s="3" t="s">
        <v>17</v>
      </c>
      <c r="I956" s="3" t="s">
        <v>18</v>
      </c>
      <c r="J956" s="3" t="s">
        <v>13</v>
      </c>
      <c r="K956" s="4">
        <v>43377</v>
      </c>
    </row>
    <row r="957" spans="1:11" ht="105" x14ac:dyDescent="0.25">
      <c r="A957" s="6" t="s">
        <v>3638</v>
      </c>
      <c r="B957" s="8" t="s">
        <v>12</v>
      </c>
      <c r="C957" s="8" t="s">
        <v>1697</v>
      </c>
      <c r="D957" s="8">
        <v>1553</v>
      </c>
      <c r="E957" s="3" t="s">
        <v>3639</v>
      </c>
      <c r="F957" s="6" t="s">
        <v>3640</v>
      </c>
      <c r="G957" s="3" t="s">
        <v>16</v>
      </c>
      <c r="H957" s="3" t="s">
        <v>24</v>
      </c>
      <c r="I957" s="3" t="s">
        <v>203</v>
      </c>
      <c r="J957" s="3" t="s">
        <v>3641</v>
      </c>
      <c r="K957" s="4">
        <v>43377</v>
      </c>
    </row>
    <row r="958" spans="1:11" ht="120" x14ac:dyDescent="0.25">
      <c r="A958" s="6" t="s">
        <v>3725</v>
      </c>
      <c r="B958" s="8" t="s">
        <v>12</v>
      </c>
      <c r="C958" s="8" t="s">
        <v>13</v>
      </c>
      <c r="D958" s="8">
        <v>1572</v>
      </c>
      <c r="E958" s="3" t="s">
        <v>3726</v>
      </c>
      <c r="F958" s="6" t="s">
        <v>3727</v>
      </c>
      <c r="G958" s="3" t="s">
        <v>16</v>
      </c>
      <c r="H958" s="3" t="s">
        <v>24</v>
      </c>
      <c r="I958" s="3" t="s">
        <v>182</v>
      </c>
      <c r="J958" s="3" t="s">
        <v>3728</v>
      </c>
      <c r="K958" s="4">
        <v>43377</v>
      </c>
    </row>
    <row r="959" spans="1:11" ht="75" x14ac:dyDescent="0.25">
      <c r="A959" s="6" t="s">
        <v>3803</v>
      </c>
      <c r="B959" s="8" t="s">
        <v>12</v>
      </c>
      <c r="C959" s="8">
        <v>1861</v>
      </c>
      <c r="D959" s="8">
        <v>1861</v>
      </c>
      <c r="E959" s="3" t="s">
        <v>3804</v>
      </c>
      <c r="F959" s="6" t="s">
        <v>154</v>
      </c>
      <c r="G959" s="3" t="s">
        <v>16</v>
      </c>
      <c r="H959" s="3" t="s">
        <v>17</v>
      </c>
      <c r="I959" s="3" t="s">
        <v>18</v>
      </c>
      <c r="J959" s="3" t="s">
        <v>13</v>
      </c>
      <c r="K959" s="4">
        <v>43377</v>
      </c>
    </row>
    <row r="960" spans="1:11" ht="195" x14ac:dyDescent="0.25">
      <c r="A960" s="6" t="s">
        <v>3951</v>
      </c>
      <c r="B960" s="8" t="s">
        <v>12</v>
      </c>
      <c r="C960" s="8" t="s">
        <v>13</v>
      </c>
      <c r="D960" s="8">
        <v>1550</v>
      </c>
      <c r="E960" s="3" t="s">
        <v>780</v>
      </c>
      <c r="F960" s="6" t="s">
        <v>3952</v>
      </c>
      <c r="G960" s="3" t="s">
        <v>16</v>
      </c>
      <c r="H960" s="3" t="s">
        <v>24</v>
      </c>
      <c r="I960" s="3" t="s">
        <v>182</v>
      </c>
      <c r="J960" s="3" t="s">
        <v>3953</v>
      </c>
      <c r="K960" s="4">
        <v>43377</v>
      </c>
    </row>
    <row r="961" spans="1:11" ht="105" x14ac:dyDescent="0.25">
      <c r="A961" s="6" t="s">
        <v>3954</v>
      </c>
      <c r="B961" s="8" t="s">
        <v>12</v>
      </c>
      <c r="C961" s="8">
        <v>1569</v>
      </c>
      <c r="D961" s="8">
        <v>1569</v>
      </c>
      <c r="E961" s="3" t="s">
        <v>3955</v>
      </c>
      <c r="F961" s="6" t="s">
        <v>3956</v>
      </c>
      <c r="G961" s="3" t="s">
        <v>16</v>
      </c>
      <c r="H961" s="3" t="s">
        <v>24</v>
      </c>
      <c r="I961" s="3" t="s">
        <v>171</v>
      </c>
      <c r="J961" s="3" t="s">
        <v>3957</v>
      </c>
      <c r="K961" s="4">
        <v>43377</v>
      </c>
    </row>
    <row r="962" spans="1:11" ht="45" x14ac:dyDescent="0.25">
      <c r="A962" s="6" t="s">
        <v>4035</v>
      </c>
      <c r="B962" s="8" t="s">
        <v>12</v>
      </c>
      <c r="C962" s="8" t="s">
        <v>13</v>
      </c>
      <c r="D962" s="8">
        <v>1703</v>
      </c>
      <c r="E962" s="3" t="s">
        <v>4036</v>
      </c>
      <c r="F962" s="6" t="s">
        <v>4037</v>
      </c>
      <c r="G962" s="3" t="s">
        <v>16</v>
      </c>
      <c r="H962" s="3" t="s">
        <v>24</v>
      </c>
      <c r="I962" s="3" t="s">
        <v>52</v>
      </c>
      <c r="J962" s="3" t="s">
        <v>4038</v>
      </c>
      <c r="K962" s="4">
        <v>43377</v>
      </c>
    </row>
    <row r="963" spans="1:11" ht="135" x14ac:dyDescent="0.25">
      <c r="A963" s="6" t="s">
        <v>4039</v>
      </c>
      <c r="B963" s="8" t="s">
        <v>12</v>
      </c>
      <c r="C963" s="8" t="s">
        <v>54</v>
      </c>
      <c r="D963" s="8">
        <v>1566</v>
      </c>
      <c r="E963" s="3" t="s">
        <v>4040</v>
      </c>
      <c r="F963" s="6" t="s">
        <v>4041</v>
      </c>
      <c r="G963" s="3" t="s">
        <v>16</v>
      </c>
      <c r="H963" s="3" t="s">
        <v>24</v>
      </c>
      <c r="I963" s="3" t="s">
        <v>4042</v>
      </c>
      <c r="J963" s="3" t="s">
        <v>2496</v>
      </c>
      <c r="K963" s="4">
        <v>43377</v>
      </c>
    </row>
    <row r="964" spans="1:11" ht="165" x14ac:dyDescent="0.25">
      <c r="A964" s="6" t="s">
        <v>4162</v>
      </c>
      <c r="B964" s="8" t="s">
        <v>12</v>
      </c>
      <c r="C964" s="8">
        <v>1892</v>
      </c>
      <c r="D964" s="8">
        <v>1892</v>
      </c>
      <c r="E964" s="3" t="s">
        <v>4163</v>
      </c>
      <c r="F964" s="6" t="s">
        <v>4164</v>
      </c>
      <c r="G964" s="3" t="s">
        <v>16</v>
      </c>
      <c r="H964" s="3" t="s">
        <v>244</v>
      </c>
      <c r="I964" s="3" t="s">
        <v>4165</v>
      </c>
      <c r="J964" s="3" t="s">
        <v>4166</v>
      </c>
      <c r="K964" s="4">
        <v>43377</v>
      </c>
    </row>
    <row r="965" spans="1:11" ht="165" x14ac:dyDescent="0.25">
      <c r="A965" s="6" t="s">
        <v>4199</v>
      </c>
      <c r="B965" s="8" t="s">
        <v>12</v>
      </c>
      <c r="C965" s="8">
        <v>1562</v>
      </c>
      <c r="D965" s="8">
        <v>1562</v>
      </c>
      <c r="E965" s="3" t="s">
        <v>4200</v>
      </c>
      <c r="F965" s="6" t="s">
        <v>4201</v>
      </c>
      <c r="G965" s="3" t="s">
        <v>16</v>
      </c>
      <c r="H965" s="3" t="s">
        <v>24</v>
      </c>
      <c r="I965" s="3" t="s">
        <v>394</v>
      </c>
      <c r="J965" s="3"/>
      <c r="K965" s="4">
        <v>43377</v>
      </c>
    </row>
    <row r="966" spans="1:11" ht="60" x14ac:dyDescent="0.25">
      <c r="A966" s="6" t="s">
        <v>4207</v>
      </c>
      <c r="B966" s="8" t="s">
        <v>12</v>
      </c>
      <c r="C966" s="8">
        <v>1816</v>
      </c>
      <c r="D966" s="8">
        <v>1816</v>
      </c>
      <c r="E966" s="3" t="s">
        <v>4208</v>
      </c>
      <c r="F966" s="6" t="s">
        <v>4209</v>
      </c>
      <c r="G966" s="3" t="s">
        <v>16</v>
      </c>
      <c r="H966" s="3" t="s">
        <v>17</v>
      </c>
      <c r="I966" s="3" t="s">
        <v>250</v>
      </c>
      <c r="J966" s="3" t="s">
        <v>4210</v>
      </c>
      <c r="K966" s="4">
        <v>43377</v>
      </c>
    </row>
    <row r="967" spans="1:11" ht="180" x14ac:dyDescent="0.25">
      <c r="A967" s="6" t="s">
        <v>4296</v>
      </c>
      <c r="B967" s="8" t="s">
        <v>12</v>
      </c>
      <c r="C967" s="8" t="s">
        <v>13</v>
      </c>
      <c r="D967" s="8">
        <v>1553</v>
      </c>
      <c r="E967" s="3" t="s">
        <v>780</v>
      </c>
      <c r="F967" s="6" t="s">
        <v>4297</v>
      </c>
      <c r="G967" s="3" t="s">
        <v>16</v>
      </c>
      <c r="H967" s="3" t="s">
        <v>30</v>
      </c>
      <c r="I967" s="3" t="s">
        <v>182</v>
      </c>
      <c r="J967" s="3" t="s">
        <v>430</v>
      </c>
      <c r="K967" s="4">
        <v>43377</v>
      </c>
    </row>
    <row r="968" spans="1:11" x14ac:dyDescent="0.25">
      <c r="A968" s="6" t="s">
        <v>4439</v>
      </c>
      <c r="B968" s="8" t="s">
        <v>12</v>
      </c>
      <c r="C968" s="8">
        <v>1850</v>
      </c>
      <c r="D968" s="8">
        <v>1850</v>
      </c>
      <c r="E968" s="3" t="s">
        <v>4440</v>
      </c>
      <c r="F968" s="6" t="s">
        <v>4441</v>
      </c>
      <c r="G968" s="3" t="s">
        <v>16</v>
      </c>
      <c r="H968" s="3" t="s">
        <v>170</v>
      </c>
      <c r="I968" s="3" t="s">
        <v>171</v>
      </c>
      <c r="J968" s="3" t="s">
        <v>4442</v>
      </c>
      <c r="K968" s="4">
        <v>43377</v>
      </c>
    </row>
    <row r="969" spans="1:11" ht="75" x14ac:dyDescent="0.25">
      <c r="A969" s="6" t="s">
        <v>4443</v>
      </c>
      <c r="B969" s="8" t="s">
        <v>12</v>
      </c>
      <c r="C969" s="8">
        <v>1910</v>
      </c>
      <c r="D969" s="8">
        <v>1910</v>
      </c>
      <c r="E969" s="3" t="s">
        <v>4444</v>
      </c>
      <c r="F969" s="6" t="s">
        <v>4445</v>
      </c>
      <c r="G969" s="3" t="s">
        <v>16</v>
      </c>
      <c r="H969" s="3" t="s">
        <v>244</v>
      </c>
      <c r="I969" s="3" t="s">
        <v>4446</v>
      </c>
      <c r="J969" s="3" t="s">
        <v>4447</v>
      </c>
      <c r="K969" s="4">
        <v>43377</v>
      </c>
    </row>
    <row r="970" spans="1:11" ht="90" x14ac:dyDescent="0.25">
      <c r="A970" s="6" t="s">
        <v>4526</v>
      </c>
      <c r="B970" s="8" t="s">
        <v>12</v>
      </c>
      <c r="C970" s="8" t="s">
        <v>792</v>
      </c>
      <c r="D970" s="8">
        <v>1682</v>
      </c>
      <c r="E970" s="3" t="s">
        <v>2576</v>
      </c>
      <c r="F970" s="6" t="s">
        <v>4527</v>
      </c>
      <c r="G970" s="3" t="s">
        <v>16</v>
      </c>
      <c r="H970" s="3" t="s">
        <v>24</v>
      </c>
      <c r="I970" s="3" t="s">
        <v>18</v>
      </c>
      <c r="J970" s="3" t="s">
        <v>4528</v>
      </c>
      <c r="K970" s="4">
        <v>43377</v>
      </c>
    </row>
    <row r="971" spans="1:11" ht="180" x14ac:dyDescent="0.25">
      <c r="A971" s="6" t="s">
        <v>4793</v>
      </c>
      <c r="B971" s="8" t="s">
        <v>12</v>
      </c>
      <c r="C971" s="8">
        <v>1559</v>
      </c>
      <c r="D971" s="8">
        <v>1559</v>
      </c>
      <c r="E971" s="3" t="s">
        <v>218</v>
      </c>
      <c r="F971" s="6" t="s">
        <v>4794</v>
      </c>
      <c r="G971" s="3" t="s">
        <v>16</v>
      </c>
      <c r="H971" s="3" t="s">
        <v>24</v>
      </c>
      <c r="I971" s="3" t="s">
        <v>220</v>
      </c>
      <c r="J971" s="3" t="s">
        <v>4795</v>
      </c>
      <c r="K971" s="4">
        <v>43377</v>
      </c>
    </row>
    <row r="972" spans="1:11" ht="45" x14ac:dyDescent="0.25">
      <c r="A972" s="6" t="s">
        <v>4796</v>
      </c>
      <c r="B972" s="8" t="s">
        <v>12</v>
      </c>
      <c r="C972" s="8">
        <v>1919</v>
      </c>
      <c r="D972" s="8">
        <v>1919</v>
      </c>
      <c r="E972" s="3" t="s">
        <v>4797</v>
      </c>
      <c r="F972" s="6" t="s">
        <v>4798</v>
      </c>
      <c r="G972" s="3" t="s">
        <v>16</v>
      </c>
      <c r="H972" s="3" t="s">
        <v>17</v>
      </c>
      <c r="I972" s="3" t="s">
        <v>4799</v>
      </c>
      <c r="J972" s="3" t="s">
        <v>4800</v>
      </c>
      <c r="K972" s="4">
        <v>43377</v>
      </c>
    </row>
    <row r="973" spans="1:11" ht="30" x14ac:dyDescent="0.25">
      <c r="A973" s="6" t="s">
        <v>4822</v>
      </c>
      <c r="B973" s="8" t="s">
        <v>12</v>
      </c>
      <c r="C973" s="8" t="s">
        <v>13</v>
      </c>
      <c r="D973" s="8">
        <v>1847</v>
      </c>
      <c r="E973" s="3" t="s">
        <v>13</v>
      </c>
      <c r="F973" s="6" t="s">
        <v>4823</v>
      </c>
      <c r="G973" s="3" t="s">
        <v>16</v>
      </c>
      <c r="H973" s="3" t="s">
        <v>170</v>
      </c>
      <c r="I973" s="3" t="s">
        <v>171</v>
      </c>
      <c r="J973" s="3" t="s">
        <v>4824</v>
      </c>
      <c r="K973" s="4">
        <v>43377</v>
      </c>
    </row>
    <row r="974" spans="1:11" ht="45" x14ac:dyDescent="0.25">
      <c r="A974" s="6" t="s">
        <v>4877</v>
      </c>
      <c r="B974" s="8" t="s">
        <v>12</v>
      </c>
      <c r="C974" s="8">
        <v>1898</v>
      </c>
      <c r="D974" s="8">
        <v>1898</v>
      </c>
      <c r="E974" s="3" t="s">
        <v>4878</v>
      </c>
      <c r="F974" s="6" t="s">
        <v>4879</v>
      </c>
      <c r="G974" s="3" t="s">
        <v>16</v>
      </c>
      <c r="H974" s="3" t="s">
        <v>913</v>
      </c>
      <c r="I974" s="3" t="s">
        <v>18</v>
      </c>
      <c r="J974" s="3" t="s">
        <v>4880</v>
      </c>
      <c r="K974" s="4">
        <v>43377</v>
      </c>
    </row>
    <row r="975" spans="1:11" ht="195" x14ac:dyDescent="0.25">
      <c r="A975" s="6" t="s">
        <v>4884</v>
      </c>
      <c r="B975" s="8" t="s">
        <v>12</v>
      </c>
      <c r="C975" s="8" t="s">
        <v>4885</v>
      </c>
      <c r="D975" s="8">
        <v>1574</v>
      </c>
      <c r="E975" s="3" t="s">
        <v>3160</v>
      </c>
      <c r="F975" s="6" t="s">
        <v>4886</v>
      </c>
      <c r="G975" s="3" t="s">
        <v>16</v>
      </c>
      <c r="H975" s="3" t="s">
        <v>24</v>
      </c>
      <c r="I975" s="3" t="s">
        <v>220</v>
      </c>
      <c r="J975" s="3" t="s">
        <v>4887</v>
      </c>
      <c r="K975" s="4">
        <v>43377</v>
      </c>
    </row>
    <row r="976" spans="1:11" ht="60" x14ac:dyDescent="0.25">
      <c r="A976" s="6" t="s">
        <v>4905</v>
      </c>
      <c r="B976" s="8" t="s">
        <v>12</v>
      </c>
      <c r="C976" s="8" t="s">
        <v>13</v>
      </c>
      <c r="D976" s="8">
        <v>1844</v>
      </c>
      <c r="E976" s="3" t="s">
        <v>1030</v>
      </c>
      <c r="F976" s="6" t="s">
        <v>4906</v>
      </c>
      <c r="G976" s="3" t="s">
        <v>16</v>
      </c>
      <c r="H976" s="3" t="s">
        <v>17</v>
      </c>
      <c r="I976" s="3" t="s">
        <v>18</v>
      </c>
      <c r="J976" s="3" t="s">
        <v>4907</v>
      </c>
      <c r="K976" s="4">
        <v>43377</v>
      </c>
    </row>
    <row r="977" spans="1:11" ht="60" x14ac:dyDescent="0.25">
      <c r="A977" s="6" t="s">
        <v>5036</v>
      </c>
      <c r="B977" s="8" t="s">
        <v>12</v>
      </c>
      <c r="C977" s="8" t="s">
        <v>595</v>
      </c>
      <c r="D977" s="8">
        <v>1756</v>
      </c>
      <c r="E977" s="3" t="s">
        <v>5037</v>
      </c>
      <c r="F977" s="6" t="s">
        <v>5038</v>
      </c>
      <c r="G977" s="3" t="s">
        <v>16</v>
      </c>
      <c r="H977" s="3" t="s">
        <v>24</v>
      </c>
      <c r="I977" s="3" t="s">
        <v>18</v>
      </c>
      <c r="J977" s="3" t="s">
        <v>5039</v>
      </c>
      <c r="K977" s="4">
        <v>43377</v>
      </c>
    </row>
    <row r="978" spans="1:11" ht="180" x14ac:dyDescent="0.25">
      <c r="A978" s="6" t="s">
        <v>5061</v>
      </c>
      <c r="B978" s="8" t="s">
        <v>12</v>
      </c>
      <c r="C978" s="8">
        <v>1540</v>
      </c>
      <c r="D978" s="8">
        <v>1540</v>
      </c>
      <c r="E978" s="3" t="s">
        <v>5062</v>
      </c>
      <c r="F978" s="6" t="s">
        <v>5063</v>
      </c>
      <c r="G978" s="3" t="s">
        <v>16</v>
      </c>
      <c r="H978" s="3" t="s">
        <v>24</v>
      </c>
      <c r="I978" s="3" t="s">
        <v>388</v>
      </c>
      <c r="J978" s="3"/>
      <c r="K978" s="4">
        <v>43377</v>
      </c>
    </row>
    <row r="979" spans="1:11" ht="75" x14ac:dyDescent="0.25">
      <c r="A979" s="6" t="s">
        <v>5126</v>
      </c>
      <c r="B979" s="8" t="s">
        <v>12</v>
      </c>
      <c r="C979" s="8">
        <v>1860</v>
      </c>
      <c r="D979" s="8">
        <v>1860</v>
      </c>
      <c r="E979" s="3" t="s">
        <v>3804</v>
      </c>
      <c r="F979" s="6" t="s">
        <v>154</v>
      </c>
      <c r="G979" s="3" t="s">
        <v>16</v>
      </c>
      <c r="H979" s="3" t="s">
        <v>17</v>
      </c>
      <c r="I979" s="3" t="s">
        <v>18</v>
      </c>
      <c r="J979" s="3" t="s">
        <v>13</v>
      </c>
      <c r="K979" s="4">
        <v>43377</v>
      </c>
    </row>
    <row r="980" spans="1:11" ht="135" x14ac:dyDescent="0.25">
      <c r="A980" s="6" t="s">
        <v>5131</v>
      </c>
      <c r="B980" s="8" t="s">
        <v>12</v>
      </c>
      <c r="C980" s="8">
        <v>1529</v>
      </c>
      <c r="D980" s="8">
        <v>1529</v>
      </c>
      <c r="E980" s="3" t="s">
        <v>397</v>
      </c>
      <c r="F980" s="6" t="s">
        <v>5132</v>
      </c>
      <c r="G980" s="3" t="s">
        <v>16</v>
      </c>
      <c r="H980" s="3" t="s">
        <v>24</v>
      </c>
      <c r="I980" s="3" t="s">
        <v>171</v>
      </c>
      <c r="J980" s="3"/>
      <c r="K980" s="4">
        <v>43377</v>
      </c>
    </row>
    <row r="981" spans="1:11" ht="60" x14ac:dyDescent="0.25">
      <c r="A981" s="6" t="s">
        <v>5215</v>
      </c>
      <c r="B981" s="8" t="s">
        <v>12</v>
      </c>
      <c r="C981" s="8" t="s">
        <v>5216</v>
      </c>
      <c r="D981" s="8">
        <v>1631</v>
      </c>
      <c r="E981" s="3" t="s">
        <v>5217</v>
      </c>
      <c r="F981" s="6" t="s">
        <v>5218</v>
      </c>
      <c r="G981" s="3" t="s">
        <v>16</v>
      </c>
      <c r="H981" s="3" t="s">
        <v>24</v>
      </c>
      <c r="I981" s="3" t="s">
        <v>739</v>
      </c>
      <c r="J981" s="3" t="s">
        <v>5219</v>
      </c>
      <c r="K981" s="4">
        <v>43377</v>
      </c>
    </row>
    <row r="982" spans="1:11" ht="75" x14ac:dyDescent="0.25">
      <c r="A982" s="6" t="s">
        <v>5364</v>
      </c>
      <c r="B982" s="8" t="s">
        <v>12</v>
      </c>
      <c r="C982" s="8" t="s">
        <v>1374</v>
      </c>
      <c r="D982" s="8">
        <v>1839</v>
      </c>
      <c r="E982" s="3" t="s">
        <v>5365</v>
      </c>
      <c r="F982" s="6" t="s">
        <v>5366</v>
      </c>
      <c r="G982" s="3" t="s">
        <v>16</v>
      </c>
      <c r="H982" s="3" t="s">
        <v>24</v>
      </c>
      <c r="I982" s="3" t="s">
        <v>18</v>
      </c>
      <c r="J982" s="3" t="s">
        <v>5367</v>
      </c>
      <c r="K982" s="4">
        <v>43377</v>
      </c>
    </row>
    <row r="983" spans="1:11" ht="105" x14ac:dyDescent="0.25">
      <c r="A983" s="6" t="s">
        <v>5619</v>
      </c>
      <c r="B983" s="8" t="s">
        <v>12</v>
      </c>
      <c r="C983" s="8" t="s">
        <v>1063</v>
      </c>
      <c r="D983" s="8">
        <v>1560</v>
      </c>
      <c r="E983" s="3" t="s">
        <v>3160</v>
      </c>
      <c r="F983" s="6" t="s">
        <v>5620</v>
      </c>
      <c r="G983" s="3" t="s">
        <v>16</v>
      </c>
      <c r="H983" s="3" t="s">
        <v>24</v>
      </c>
      <c r="I983" s="3" t="s">
        <v>220</v>
      </c>
      <c r="J983" s="3" t="s">
        <v>5621</v>
      </c>
      <c r="K983" s="4">
        <v>43377</v>
      </c>
    </row>
    <row r="984" spans="1:11" ht="120" x14ac:dyDescent="0.25">
      <c r="A984" s="6" t="s">
        <v>5716</v>
      </c>
      <c r="B984" s="8" t="s">
        <v>12</v>
      </c>
      <c r="C984" s="8" t="s">
        <v>991</v>
      </c>
      <c r="D984" s="8">
        <v>1568</v>
      </c>
      <c r="E984" s="3" t="s">
        <v>4252</v>
      </c>
      <c r="F984" s="6" t="s">
        <v>5717</v>
      </c>
      <c r="G984" s="3" t="s">
        <v>16</v>
      </c>
      <c r="H984" s="3" t="s">
        <v>24</v>
      </c>
      <c r="I984" s="3" t="s">
        <v>264</v>
      </c>
      <c r="J984" s="3" t="s">
        <v>5718</v>
      </c>
      <c r="K984" s="4">
        <v>43377</v>
      </c>
    </row>
    <row r="985" spans="1:11" ht="180" x14ac:dyDescent="0.25">
      <c r="A985" s="6" t="s">
        <v>5740</v>
      </c>
      <c r="B985" s="8" t="s">
        <v>12</v>
      </c>
      <c r="C985" s="8">
        <v>1800</v>
      </c>
      <c r="D985" s="8">
        <v>1800</v>
      </c>
      <c r="E985" s="3" t="s">
        <v>5741</v>
      </c>
      <c r="F985" s="6" t="s">
        <v>5742</v>
      </c>
      <c r="G985" s="3" t="s">
        <v>16</v>
      </c>
      <c r="H985" s="3" t="s">
        <v>17</v>
      </c>
      <c r="I985" s="3" t="s">
        <v>18</v>
      </c>
      <c r="J985" s="3" t="s">
        <v>5743</v>
      </c>
      <c r="K985" s="4">
        <v>43377</v>
      </c>
    </row>
    <row r="986" spans="1:11" ht="45" x14ac:dyDescent="0.25">
      <c r="A986" s="6" t="s">
        <v>845</v>
      </c>
      <c r="B986" s="8" t="s">
        <v>12</v>
      </c>
      <c r="C986" s="8" t="s">
        <v>846</v>
      </c>
      <c r="D986" s="8" t="s">
        <v>846</v>
      </c>
      <c r="E986" s="3" t="s">
        <v>13</v>
      </c>
      <c r="F986" s="6" t="s">
        <v>847</v>
      </c>
      <c r="G986" s="3" t="s">
        <v>16</v>
      </c>
      <c r="H986" s="3" t="s">
        <v>17</v>
      </c>
      <c r="I986" s="3" t="s">
        <v>18</v>
      </c>
      <c r="J986" s="3" t="s">
        <v>848</v>
      </c>
      <c r="K986" s="4">
        <v>43374</v>
      </c>
    </row>
    <row r="987" spans="1:11" ht="90" x14ac:dyDescent="0.25">
      <c r="A987" s="6" t="s">
        <v>3178</v>
      </c>
      <c r="B987" s="8" t="s">
        <v>12</v>
      </c>
      <c r="C987" s="8">
        <v>1916</v>
      </c>
      <c r="D987" s="8">
        <v>1916</v>
      </c>
      <c r="E987" s="3" t="s">
        <v>3179</v>
      </c>
      <c r="F987" s="6" t="s">
        <v>3180</v>
      </c>
      <c r="G987" s="3" t="s">
        <v>16</v>
      </c>
      <c r="H987" s="3" t="s">
        <v>17</v>
      </c>
      <c r="I987" s="3" t="s">
        <v>542</v>
      </c>
      <c r="J987" s="3" t="s">
        <v>3181</v>
      </c>
      <c r="K987" s="4">
        <v>43374</v>
      </c>
    </row>
    <row r="988" spans="1:11" ht="135" x14ac:dyDescent="0.25">
      <c r="A988" s="6" t="s">
        <v>374</v>
      </c>
      <c r="B988" s="8" t="s">
        <v>12</v>
      </c>
      <c r="C988" s="8" t="s">
        <v>13</v>
      </c>
      <c r="D988" s="8">
        <v>1800</v>
      </c>
      <c r="E988" s="3" t="s">
        <v>375</v>
      </c>
      <c r="F988" s="6" t="s">
        <v>376</v>
      </c>
      <c r="G988" s="3" t="s">
        <v>16</v>
      </c>
      <c r="H988" s="3" t="s">
        <v>17</v>
      </c>
      <c r="I988" s="3" t="s">
        <v>18</v>
      </c>
      <c r="J988" s="3" t="s">
        <v>13</v>
      </c>
      <c r="K988" s="4">
        <v>43373</v>
      </c>
    </row>
    <row r="989" spans="1:11" ht="30" x14ac:dyDescent="0.25">
      <c r="A989" s="6" t="s">
        <v>2096</v>
      </c>
      <c r="B989" s="8" t="s">
        <v>12</v>
      </c>
      <c r="C989" s="8" t="s">
        <v>1101</v>
      </c>
      <c r="D989" s="8">
        <v>1762</v>
      </c>
      <c r="E989" s="3" t="s">
        <v>2097</v>
      </c>
      <c r="F989" s="6" t="s">
        <v>2098</v>
      </c>
      <c r="G989" s="3" t="s">
        <v>16</v>
      </c>
      <c r="H989" s="3" t="s">
        <v>17</v>
      </c>
      <c r="I989" s="3" t="s">
        <v>138</v>
      </c>
      <c r="J989" s="3" t="s">
        <v>2099</v>
      </c>
      <c r="K989" s="4">
        <v>43373</v>
      </c>
    </row>
    <row r="990" spans="1:11" ht="120" x14ac:dyDescent="0.25">
      <c r="A990" s="6" t="s">
        <v>2349</v>
      </c>
      <c r="B990" s="8" t="s">
        <v>12</v>
      </c>
      <c r="C990" s="8" t="s">
        <v>13</v>
      </c>
      <c r="D990" s="8">
        <v>1651</v>
      </c>
      <c r="E990" s="3" t="s">
        <v>2350</v>
      </c>
      <c r="F990" s="6" t="s">
        <v>2351</v>
      </c>
      <c r="G990" s="3" t="s">
        <v>16</v>
      </c>
      <c r="H990" s="3" t="s">
        <v>170</v>
      </c>
      <c r="I990" s="3" t="s">
        <v>739</v>
      </c>
      <c r="J990" s="3" t="s">
        <v>2352</v>
      </c>
      <c r="K990" s="4">
        <v>43373</v>
      </c>
    </row>
    <row r="991" spans="1:11" ht="45" x14ac:dyDescent="0.25">
      <c r="A991" s="6" t="s">
        <v>3168</v>
      </c>
      <c r="B991" s="8" t="s">
        <v>12</v>
      </c>
      <c r="C991" s="8">
        <v>1760</v>
      </c>
      <c r="D991" s="8">
        <v>1760</v>
      </c>
      <c r="E991" s="3" t="s">
        <v>3169</v>
      </c>
      <c r="F991" s="6" t="s">
        <v>3170</v>
      </c>
      <c r="G991" s="3" t="s">
        <v>16</v>
      </c>
      <c r="H991" s="3" t="s">
        <v>17</v>
      </c>
      <c r="I991" s="3" t="s">
        <v>1820</v>
      </c>
      <c r="J991" s="3" t="s">
        <v>796</v>
      </c>
      <c r="K991" s="4">
        <v>43373</v>
      </c>
    </row>
    <row r="992" spans="1:11" ht="45" x14ac:dyDescent="0.25">
      <c r="A992" s="6" t="s">
        <v>3436</v>
      </c>
      <c r="B992" s="8" t="s">
        <v>12</v>
      </c>
      <c r="C992" s="8">
        <v>1730</v>
      </c>
      <c r="D992" s="8">
        <v>1730</v>
      </c>
      <c r="E992" s="3" t="s">
        <v>3437</v>
      </c>
      <c r="F992" s="6" t="s">
        <v>3438</v>
      </c>
      <c r="G992" s="3" t="s">
        <v>16</v>
      </c>
      <c r="H992" s="3" t="s">
        <v>17</v>
      </c>
      <c r="I992" s="3" t="s">
        <v>18</v>
      </c>
      <c r="J992" s="3" t="s">
        <v>3439</v>
      </c>
      <c r="K992" s="4">
        <v>43373</v>
      </c>
    </row>
    <row r="993" spans="1:11" x14ac:dyDescent="0.25">
      <c r="A993" s="6" t="s">
        <v>4309</v>
      </c>
      <c r="B993" s="8" t="s">
        <v>12</v>
      </c>
      <c r="C993" s="8">
        <v>1585</v>
      </c>
      <c r="D993" s="8">
        <v>1585</v>
      </c>
      <c r="E993" s="3" t="s">
        <v>4310</v>
      </c>
      <c r="F993" s="6" t="s">
        <v>4311</v>
      </c>
      <c r="G993" s="3" t="s">
        <v>16</v>
      </c>
      <c r="H993" s="3" t="s">
        <v>17</v>
      </c>
      <c r="I993" s="3" t="s">
        <v>18</v>
      </c>
      <c r="J993" s="3" t="s">
        <v>4312</v>
      </c>
      <c r="K993" s="4">
        <v>43373</v>
      </c>
    </row>
    <row r="994" spans="1:11" ht="90" x14ac:dyDescent="0.25">
      <c r="A994" s="6" t="s">
        <v>4762</v>
      </c>
      <c r="B994" s="8" t="s">
        <v>12</v>
      </c>
      <c r="C994" s="8">
        <v>1635</v>
      </c>
      <c r="D994" s="8">
        <v>1635</v>
      </c>
      <c r="E994" s="3" t="s">
        <v>4763</v>
      </c>
      <c r="F994" s="6" t="s">
        <v>4764</v>
      </c>
      <c r="G994" s="3" t="s">
        <v>16</v>
      </c>
      <c r="H994" s="3" t="s">
        <v>170</v>
      </c>
      <c r="I994" s="3" t="s">
        <v>226</v>
      </c>
      <c r="J994" s="3" t="s">
        <v>4765</v>
      </c>
      <c r="K994" s="4">
        <v>43373</v>
      </c>
    </row>
    <row r="995" spans="1:11" ht="30" x14ac:dyDescent="0.25">
      <c r="A995" s="6" t="s">
        <v>123</v>
      </c>
      <c r="B995" s="8" t="s">
        <v>12</v>
      </c>
      <c r="C995" s="8">
        <v>1910</v>
      </c>
      <c r="D995" s="8">
        <v>1910</v>
      </c>
      <c r="E995" s="3" t="s">
        <v>13</v>
      </c>
      <c r="F995" s="6" t="s">
        <v>124</v>
      </c>
      <c r="G995" s="3" t="s">
        <v>16</v>
      </c>
      <c r="H995" s="3" t="s">
        <v>17</v>
      </c>
      <c r="I995" s="3" t="s">
        <v>13</v>
      </c>
      <c r="J995" s="3" t="s">
        <v>125</v>
      </c>
      <c r="K995" s="4">
        <v>43372</v>
      </c>
    </row>
    <row r="996" spans="1:11" x14ac:dyDescent="0.25">
      <c r="A996" s="6" t="s">
        <v>155</v>
      </c>
      <c r="B996" s="8" t="s">
        <v>12</v>
      </c>
      <c r="C996" s="8">
        <v>1813</v>
      </c>
      <c r="D996" s="8">
        <v>1813</v>
      </c>
      <c r="E996" s="3" t="s">
        <v>156</v>
      </c>
      <c r="F996" s="6" t="s">
        <v>157</v>
      </c>
      <c r="G996" s="3" t="s">
        <v>16</v>
      </c>
      <c r="H996" s="3" t="s">
        <v>17</v>
      </c>
      <c r="I996" s="3" t="s">
        <v>18</v>
      </c>
      <c r="J996" s="3" t="s">
        <v>158</v>
      </c>
      <c r="K996" s="4">
        <v>43372</v>
      </c>
    </row>
    <row r="997" spans="1:11" x14ac:dyDescent="0.25">
      <c r="A997" s="6" t="s">
        <v>192</v>
      </c>
      <c r="B997" s="8" t="s">
        <v>12</v>
      </c>
      <c r="C997" s="8" t="s">
        <v>13</v>
      </c>
      <c r="D997" s="8">
        <v>1807</v>
      </c>
      <c r="E997" s="3" t="s">
        <v>193</v>
      </c>
      <c r="F997" s="6" t="s">
        <v>194</v>
      </c>
      <c r="G997" s="3" t="s">
        <v>16</v>
      </c>
      <c r="H997" s="3" t="s">
        <v>17</v>
      </c>
      <c r="I997" s="3" t="s">
        <v>18</v>
      </c>
      <c r="J997" s="3" t="s">
        <v>13</v>
      </c>
      <c r="K997" s="4">
        <v>43372</v>
      </c>
    </row>
    <row r="998" spans="1:11" ht="135" x14ac:dyDescent="0.25">
      <c r="A998" s="6" t="s">
        <v>276</v>
      </c>
      <c r="B998" s="8" t="s">
        <v>12</v>
      </c>
      <c r="C998" s="8" t="s">
        <v>13</v>
      </c>
      <c r="D998" s="8">
        <v>1846</v>
      </c>
      <c r="E998" s="3" t="s">
        <v>277</v>
      </c>
      <c r="F998" s="6" t="s">
        <v>278</v>
      </c>
      <c r="G998" s="3" t="s">
        <v>16</v>
      </c>
      <c r="H998" s="3" t="s">
        <v>17</v>
      </c>
      <c r="I998" s="3" t="s">
        <v>18</v>
      </c>
      <c r="J998" s="3" t="s">
        <v>279</v>
      </c>
      <c r="K998" s="4">
        <v>43372</v>
      </c>
    </row>
    <row r="999" spans="1:11" ht="30" x14ac:dyDescent="0.25">
      <c r="A999" s="6" t="s">
        <v>280</v>
      </c>
      <c r="B999" s="8" t="s">
        <v>12</v>
      </c>
      <c r="C999" s="9">
        <v>5189</v>
      </c>
      <c r="D999" s="9">
        <v>5189</v>
      </c>
      <c r="E999" s="3" t="s">
        <v>13</v>
      </c>
      <c r="F999" s="6" t="s">
        <v>281</v>
      </c>
      <c r="G999" s="3" t="s">
        <v>16</v>
      </c>
      <c r="H999" s="3" t="s">
        <v>17</v>
      </c>
      <c r="I999" s="3" t="s">
        <v>13</v>
      </c>
      <c r="J999" s="3" t="s">
        <v>13</v>
      </c>
      <c r="K999" s="4">
        <v>43372</v>
      </c>
    </row>
    <row r="1000" spans="1:11" ht="45" x14ac:dyDescent="0.25">
      <c r="A1000" s="6" t="s">
        <v>406</v>
      </c>
      <c r="B1000" s="8" t="s">
        <v>12</v>
      </c>
      <c r="C1000" s="8" t="s">
        <v>407</v>
      </c>
      <c r="D1000" s="8">
        <v>1837</v>
      </c>
      <c r="E1000" s="3" t="s">
        <v>408</v>
      </c>
      <c r="F1000" s="6" t="s">
        <v>409</v>
      </c>
      <c r="G1000" s="3" t="s">
        <v>16</v>
      </c>
      <c r="H1000" s="3" t="s">
        <v>17</v>
      </c>
      <c r="I1000" s="3" t="s">
        <v>250</v>
      </c>
      <c r="J1000" s="3" t="s">
        <v>410</v>
      </c>
      <c r="K1000" s="4">
        <v>43372</v>
      </c>
    </row>
    <row r="1001" spans="1:11" ht="120" x14ac:dyDescent="0.25">
      <c r="A1001" s="6" t="s">
        <v>489</v>
      </c>
      <c r="B1001" s="8" t="s">
        <v>12</v>
      </c>
      <c r="C1001" s="8" t="s">
        <v>13</v>
      </c>
      <c r="D1001" s="8">
        <v>1850</v>
      </c>
      <c r="E1001" s="3" t="s">
        <v>13</v>
      </c>
      <c r="F1001" s="6" t="s">
        <v>490</v>
      </c>
      <c r="G1001" s="3" t="s">
        <v>16</v>
      </c>
      <c r="H1001" s="3" t="s">
        <v>17</v>
      </c>
      <c r="I1001" s="3" t="s">
        <v>491</v>
      </c>
      <c r="J1001" s="3" t="s">
        <v>13</v>
      </c>
      <c r="K1001" s="4">
        <v>43372</v>
      </c>
    </row>
    <row r="1002" spans="1:11" ht="30" x14ac:dyDescent="0.25">
      <c r="A1002" s="6" t="s">
        <v>496</v>
      </c>
      <c r="B1002" s="8" t="s">
        <v>12</v>
      </c>
      <c r="C1002" s="8" t="s">
        <v>497</v>
      </c>
      <c r="D1002" s="8" t="s">
        <v>498</v>
      </c>
      <c r="E1002" s="3" t="s">
        <v>13</v>
      </c>
      <c r="F1002" s="6" t="s">
        <v>499</v>
      </c>
      <c r="G1002" s="3" t="s">
        <v>16</v>
      </c>
      <c r="H1002" s="3" t="s">
        <v>17</v>
      </c>
      <c r="I1002" s="3" t="s">
        <v>13</v>
      </c>
      <c r="J1002" s="3" t="s">
        <v>500</v>
      </c>
      <c r="K1002" s="4">
        <v>43372</v>
      </c>
    </row>
    <row r="1003" spans="1:11" ht="75" x14ac:dyDescent="0.25">
      <c r="A1003" s="6" t="s">
        <v>708</v>
      </c>
      <c r="B1003" s="8" t="s">
        <v>12</v>
      </c>
      <c r="C1003" s="8" t="s">
        <v>13</v>
      </c>
      <c r="D1003" s="8">
        <v>1857</v>
      </c>
      <c r="E1003" s="3" t="s">
        <v>13</v>
      </c>
      <c r="F1003" s="6" t="s">
        <v>709</v>
      </c>
      <c r="G1003" s="3" t="s">
        <v>16</v>
      </c>
      <c r="H1003" s="3" t="s">
        <v>17</v>
      </c>
      <c r="I1003" s="3" t="s">
        <v>250</v>
      </c>
      <c r="J1003" s="3" t="s">
        <v>710</v>
      </c>
      <c r="K1003" s="4">
        <v>43372</v>
      </c>
    </row>
    <row r="1004" spans="1:11" ht="45" x14ac:dyDescent="0.25">
      <c r="A1004" s="6" t="s">
        <v>713</v>
      </c>
      <c r="B1004" s="8" t="s">
        <v>12</v>
      </c>
      <c r="C1004" s="8" t="s">
        <v>13</v>
      </c>
      <c r="D1004" s="8">
        <v>1800</v>
      </c>
      <c r="E1004" s="3" t="s">
        <v>714</v>
      </c>
      <c r="F1004" s="6" t="s">
        <v>715</v>
      </c>
      <c r="G1004" s="3" t="s">
        <v>16</v>
      </c>
      <c r="H1004" s="3" t="s">
        <v>17</v>
      </c>
      <c r="I1004" s="3" t="s">
        <v>250</v>
      </c>
      <c r="J1004" s="3" t="s">
        <v>716</v>
      </c>
      <c r="K1004" s="4">
        <v>43372</v>
      </c>
    </row>
    <row r="1005" spans="1:11" ht="180" x14ac:dyDescent="0.25">
      <c r="A1005" s="6" t="s">
        <v>990</v>
      </c>
      <c r="B1005" s="8" t="s">
        <v>12</v>
      </c>
      <c r="C1005" s="8" t="s">
        <v>991</v>
      </c>
      <c r="D1005" s="8">
        <v>1568</v>
      </c>
      <c r="E1005" s="3" t="s">
        <v>992</v>
      </c>
      <c r="F1005" s="6" t="s">
        <v>993</v>
      </c>
      <c r="G1005" s="3" t="s">
        <v>16</v>
      </c>
      <c r="H1005" s="3" t="s">
        <v>170</v>
      </c>
      <c r="I1005" s="3" t="s">
        <v>203</v>
      </c>
      <c r="J1005" s="3" t="s">
        <v>994</v>
      </c>
      <c r="K1005" s="4">
        <v>43372</v>
      </c>
    </row>
    <row r="1006" spans="1:11" ht="30" x14ac:dyDescent="0.25">
      <c r="A1006" s="6" t="s">
        <v>1066</v>
      </c>
      <c r="B1006" s="8" t="s">
        <v>12</v>
      </c>
      <c r="C1006" s="8" t="s">
        <v>13</v>
      </c>
      <c r="D1006" s="8">
        <v>1871</v>
      </c>
      <c r="E1006" s="3" t="s">
        <v>13</v>
      </c>
      <c r="F1006" s="6" t="s">
        <v>1067</v>
      </c>
      <c r="G1006" s="3" t="s">
        <v>16</v>
      </c>
      <c r="H1006" s="3" t="s">
        <v>244</v>
      </c>
      <c r="I1006" s="3" t="s">
        <v>13</v>
      </c>
      <c r="J1006" s="3" t="s">
        <v>1068</v>
      </c>
      <c r="K1006" s="4">
        <v>43372</v>
      </c>
    </row>
    <row r="1007" spans="1:11" ht="240" x14ac:dyDescent="0.25">
      <c r="A1007" s="6" t="s">
        <v>1172</v>
      </c>
      <c r="B1007" s="8" t="s">
        <v>12</v>
      </c>
      <c r="C1007" s="8" t="s">
        <v>1173</v>
      </c>
      <c r="D1007" s="8">
        <v>1737</v>
      </c>
      <c r="E1007" s="3" t="s">
        <v>1174</v>
      </c>
      <c r="F1007" s="6" t="s">
        <v>1175</v>
      </c>
      <c r="G1007" s="3" t="s">
        <v>16</v>
      </c>
      <c r="H1007" s="3" t="s">
        <v>17</v>
      </c>
      <c r="I1007" s="3" t="s">
        <v>18</v>
      </c>
      <c r="J1007" s="3" t="s">
        <v>1176</v>
      </c>
      <c r="K1007" s="4">
        <v>43372</v>
      </c>
    </row>
    <row r="1008" spans="1:11" x14ac:dyDescent="0.25">
      <c r="A1008" s="6" t="s">
        <v>1392</v>
      </c>
      <c r="B1008" s="8" t="s">
        <v>12</v>
      </c>
      <c r="C1008" s="8" t="s">
        <v>13</v>
      </c>
      <c r="D1008" s="8">
        <v>1857</v>
      </c>
      <c r="E1008" s="3" t="s">
        <v>13</v>
      </c>
      <c r="F1008" s="6" t="s">
        <v>1393</v>
      </c>
      <c r="G1008" s="3" t="s">
        <v>16</v>
      </c>
      <c r="H1008" s="3" t="s">
        <v>17</v>
      </c>
      <c r="I1008" s="3" t="s">
        <v>1394</v>
      </c>
      <c r="J1008" s="3" t="s">
        <v>1395</v>
      </c>
      <c r="K1008" s="4">
        <v>43372</v>
      </c>
    </row>
    <row r="1009" spans="1:11" ht="105" x14ac:dyDescent="0.25">
      <c r="A1009" s="6" t="s">
        <v>1476</v>
      </c>
      <c r="B1009" s="8" t="s">
        <v>12</v>
      </c>
      <c r="C1009" s="8" t="s">
        <v>1477</v>
      </c>
      <c r="D1009" s="8" t="s">
        <v>1477</v>
      </c>
      <c r="E1009" s="3" t="s">
        <v>13</v>
      </c>
      <c r="F1009" s="6" t="s">
        <v>1478</v>
      </c>
      <c r="G1009" s="3" t="s">
        <v>16</v>
      </c>
      <c r="H1009" s="3" t="s">
        <v>17</v>
      </c>
      <c r="I1009" s="3" t="s">
        <v>18</v>
      </c>
      <c r="J1009" s="3" t="s">
        <v>1479</v>
      </c>
      <c r="K1009" s="4">
        <v>43372</v>
      </c>
    </row>
    <row r="1010" spans="1:11" ht="75" x14ac:dyDescent="0.25">
      <c r="A1010" s="6" t="s">
        <v>1650</v>
      </c>
      <c r="B1010" s="8" t="s">
        <v>12</v>
      </c>
      <c r="C1010" s="8" t="s">
        <v>1651</v>
      </c>
      <c r="D1010" s="8">
        <v>1779</v>
      </c>
      <c r="E1010" s="3" t="s">
        <v>1652</v>
      </c>
      <c r="F1010" s="6" t="s">
        <v>1653</v>
      </c>
      <c r="G1010" s="3" t="s">
        <v>16</v>
      </c>
      <c r="H1010" s="3" t="s">
        <v>17</v>
      </c>
      <c r="I1010" s="3" t="s">
        <v>18</v>
      </c>
      <c r="J1010" s="3" t="s">
        <v>1654</v>
      </c>
      <c r="K1010" s="4">
        <v>43372</v>
      </c>
    </row>
    <row r="1011" spans="1:11" ht="30" x14ac:dyDescent="0.25">
      <c r="A1011" s="6" t="s">
        <v>1692</v>
      </c>
      <c r="B1011" s="8" t="s">
        <v>12</v>
      </c>
      <c r="C1011" s="8">
        <v>1821</v>
      </c>
      <c r="D1011" s="8">
        <v>1821</v>
      </c>
      <c r="E1011" s="3" t="s">
        <v>1693</v>
      </c>
      <c r="F1011" s="6" t="s">
        <v>1694</v>
      </c>
      <c r="G1011" s="3" t="s">
        <v>16</v>
      </c>
      <c r="H1011" s="3" t="s">
        <v>17</v>
      </c>
      <c r="I1011" s="3" t="s">
        <v>18</v>
      </c>
      <c r="J1011" s="3" t="s">
        <v>1695</v>
      </c>
      <c r="K1011" s="4">
        <v>43372</v>
      </c>
    </row>
    <row r="1012" spans="1:11" ht="60" x14ac:dyDescent="0.25">
      <c r="A1012" s="6" t="s">
        <v>1741</v>
      </c>
      <c r="B1012" s="8" t="s">
        <v>12</v>
      </c>
      <c r="C1012" s="8" t="s">
        <v>1742</v>
      </c>
      <c r="D1012" s="8" t="s">
        <v>1743</v>
      </c>
      <c r="E1012" s="3" t="s">
        <v>13</v>
      </c>
      <c r="F1012" s="6" t="s">
        <v>1744</v>
      </c>
      <c r="G1012" s="3" t="s">
        <v>16</v>
      </c>
      <c r="H1012" s="3" t="s">
        <v>17</v>
      </c>
      <c r="I1012" s="3" t="s">
        <v>18</v>
      </c>
      <c r="J1012" s="3" t="s">
        <v>1745</v>
      </c>
      <c r="K1012" s="4">
        <v>43372</v>
      </c>
    </row>
    <row r="1013" spans="1:11" ht="45" x14ac:dyDescent="0.25">
      <c r="A1013" s="6" t="s">
        <v>1813</v>
      </c>
      <c r="B1013" s="8" t="s">
        <v>12</v>
      </c>
      <c r="C1013" s="8">
        <v>1694</v>
      </c>
      <c r="D1013" s="8">
        <v>1694</v>
      </c>
      <c r="E1013" s="3" t="s">
        <v>1814</v>
      </c>
      <c r="F1013" s="6" t="s">
        <v>1815</v>
      </c>
      <c r="G1013" s="3" t="s">
        <v>16</v>
      </c>
      <c r="H1013" s="3" t="s">
        <v>17</v>
      </c>
      <c r="I1013" s="3" t="s">
        <v>18</v>
      </c>
      <c r="J1013" s="3" t="s">
        <v>1816</v>
      </c>
      <c r="K1013" s="4">
        <v>43372</v>
      </c>
    </row>
    <row r="1014" spans="1:11" ht="30" x14ac:dyDescent="0.25">
      <c r="A1014" s="6" t="s">
        <v>1842</v>
      </c>
      <c r="B1014" s="8" t="s">
        <v>12</v>
      </c>
      <c r="C1014" s="8" t="s">
        <v>1843</v>
      </c>
      <c r="D1014" s="8">
        <v>1923</v>
      </c>
      <c r="E1014" s="3" t="s">
        <v>1844</v>
      </c>
      <c r="F1014" s="6" t="s">
        <v>1845</v>
      </c>
      <c r="G1014" s="3" t="s">
        <v>16</v>
      </c>
      <c r="H1014" s="3" t="s">
        <v>17</v>
      </c>
      <c r="I1014" s="3" t="s">
        <v>350</v>
      </c>
      <c r="J1014" s="3" t="s">
        <v>1846</v>
      </c>
      <c r="K1014" s="4">
        <v>43372</v>
      </c>
    </row>
    <row r="1015" spans="1:11" ht="30" x14ac:dyDescent="0.25">
      <c r="A1015" s="6" t="s">
        <v>1971</v>
      </c>
      <c r="B1015" s="8" t="s">
        <v>12</v>
      </c>
      <c r="C1015" s="8">
        <v>1869</v>
      </c>
      <c r="D1015" s="8">
        <v>1869</v>
      </c>
      <c r="E1015" s="3" t="s">
        <v>1972</v>
      </c>
      <c r="F1015" s="6" t="s">
        <v>1973</v>
      </c>
      <c r="G1015" s="3" t="s">
        <v>16</v>
      </c>
      <c r="H1015" s="3" t="s">
        <v>17</v>
      </c>
      <c r="I1015" s="3" t="s">
        <v>18</v>
      </c>
      <c r="J1015" s="3" t="s">
        <v>1974</v>
      </c>
      <c r="K1015" s="4">
        <v>43372</v>
      </c>
    </row>
    <row r="1016" spans="1:11" ht="60" x14ac:dyDescent="0.25">
      <c r="A1016" s="6" t="s">
        <v>2035</v>
      </c>
      <c r="B1016" s="8" t="s">
        <v>12</v>
      </c>
      <c r="C1016" s="8">
        <v>1881</v>
      </c>
      <c r="D1016" s="8">
        <v>1881</v>
      </c>
      <c r="E1016" s="3" t="s">
        <v>2036</v>
      </c>
      <c r="F1016" s="6" t="s">
        <v>2037</v>
      </c>
      <c r="G1016" s="3" t="s">
        <v>16</v>
      </c>
      <c r="H1016" s="3" t="s">
        <v>17</v>
      </c>
      <c r="I1016" s="3" t="s">
        <v>18</v>
      </c>
      <c r="J1016" s="3" t="s">
        <v>2038</v>
      </c>
      <c r="K1016" s="4">
        <v>43372</v>
      </c>
    </row>
    <row r="1017" spans="1:11" ht="105" x14ac:dyDescent="0.25">
      <c r="A1017" s="6" t="s">
        <v>2068</v>
      </c>
      <c r="B1017" s="8" t="s">
        <v>12</v>
      </c>
      <c r="C1017" s="8" t="s">
        <v>13</v>
      </c>
      <c r="D1017" s="8">
        <v>1539</v>
      </c>
      <c r="E1017" s="3" t="s">
        <v>2069</v>
      </c>
      <c r="F1017" s="6" t="s">
        <v>2070</v>
      </c>
      <c r="G1017" s="3" t="s">
        <v>16</v>
      </c>
      <c r="H1017" s="3" t="s">
        <v>170</v>
      </c>
      <c r="I1017" s="3" t="s">
        <v>388</v>
      </c>
      <c r="J1017" s="3" t="s">
        <v>2071</v>
      </c>
      <c r="K1017" s="4">
        <v>43372</v>
      </c>
    </row>
    <row r="1018" spans="1:11" x14ac:dyDescent="0.25">
      <c r="A1018" s="6" t="s">
        <v>2106</v>
      </c>
      <c r="B1018" s="8" t="s">
        <v>12</v>
      </c>
      <c r="C1018" s="8" t="s">
        <v>13</v>
      </c>
      <c r="D1018" s="8">
        <v>1863</v>
      </c>
      <c r="E1018" s="3" t="s">
        <v>13</v>
      </c>
      <c r="F1018" s="6" t="s">
        <v>2107</v>
      </c>
      <c r="G1018" s="3" t="s">
        <v>16</v>
      </c>
      <c r="H1018" s="3" t="s">
        <v>17</v>
      </c>
      <c r="I1018" s="3" t="s">
        <v>13</v>
      </c>
      <c r="J1018" s="3" t="s">
        <v>13</v>
      </c>
      <c r="K1018" s="4">
        <v>43372</v>
      </c>
    </row>
    <row r="1019" spans="1:11" ht="30" x14ac:dyDescent="0.25">
      <c r="A1019" s="6" t="s">
        <v>2147</v>
      </c>
      <c r="B1019" s="8" t="s">
        <v>12</v>
      </c>
      <c r="C1019" s="8">
        <v>1826</v>
      </c>
      <c r="D1019" s="8">
        <v>1826</v>
      </c>
      <c r="E1019" s="3" t="s">
        <v>2148</v>
      </c>
      <c r="F1019" s="6" t="s">
        <v>2149</v>
      </c>
      <c r="G1019" s="3" t="s">
        <v>16</v>
      </c>
      <c r="H1019" s="3" t="s">
        <v>17</v>
      </c>
      <c r="I1019" s="3" t="s">
        <v>18</v>
      </c>
      <c r="J1019" s="3" t="s">
        <v>2150</v>
      </c>
      <c r="K1019" s="4">
        <v>43372</v>
      </c>
    </row>
    <row r="1020" spans="1:11" x14ac:dyDescent="0.25">
      <c r="A1020" s="6" t="s">
        <v>2240</v>
      </c>
      <c r="B1020" s="8" t="s">
        <v>12</v>
      </c>
      <c r="C1020" s="8" t="s">
        <v>2241</v>
      </c>
      <c r="D1020" s="8">
        <v>1781</v>
      </c>
      <c r="E1020" s="3" t="s">
        <v>2242</v>
      </c>
      <c r="F1020" s="6" t="s">
        <v>2243</v>
      </c>
      <c r="G1020" s="3" t="s">
        <v>16</v>
      </c>
      <c r="H1020" s="3" t="s">
        <v>17</v>
      </c>
      <c r="I1020" s="3" t="s">
        <v>18</v>
      </c>
      <c r="J1020" s="3" t="s">
        <v>2244</v>
      </c>
      <c r="K1020" s="4">
        <v>43372</v>
      </c>
    </row>
    <row r="1021" spans="1:11" ht="30" x14ac:dyDescent="0.25">
      <c r="A1021" s="6" t="s">
        <v>2389</v>
      </c>
      <c r="B1021" s="8" t="s">
        <v>12</v>
      </c>
      <c r="C1021" s="8">
        <v>1853</v>
      </c>
      <c r="D1021" s="8">
        <v>1853</v>
      </c>
      <c r="E1021" s="3" t="s">
        <v>2390</v>
      </c>
      <c r="F1021" s="6" t="s">
        <v>2391</v>
      </c>
      <c r="G1021" s="3" t="s">
        <v>16</v>
      </c>
      <c r="H1021" s="3" t="s">
        <v>17</v>
      </c>
      <c r="I1021" s="3" t="s">
        <v>18</v>
      </c>
      <c r="J1021" s="3" t="s">
        <v>13</v>
      </c>
      <c r="K1021" s="4">
        <v>43372</v>
      </c>
    </row>
    <row r="1022" spans="1:11" ht="60" x14ac:dyDescent="0.25">
      <c r="A1022" s="6" t="s">
        <v>2436</v>
      </c>
      <c r="B1022" s="8" t="s">
        <v>12</v>
      </c>
      <c r="C1022" s="8">
        <v>1914</v>
      </c>
      <c r="D1022" s="8">
        <v>1914</v>
      </c>
      <c r="E1022" s="3" t="s">
        <v>2437</v>
      </c>
      <c r="F1022" s="6" t="s">
        <v>2438</v>
      </c>
      <c r="G1022" s="3" t="s">
        <v>16</v>
      </c>
      <c r="H1022" s="3" t="s">
        <v>17</v>
      </c>
      <c r="I1022" s="3" t="s">
        <v>2439</v>
      </c>
      <c r="J1022" s="3" t="s">
        <v>2440</v>
      </c>
      <c r="K1022" s="4">
        <v>43372</v>
      </c>
    </row>
    <row r="1023" spans="1:11" ht="45" x14ac:dyDescent="0.25">
      <c r="A1023" s="6" t="s">
        <v>2481</v>
      </c>
      <c r="B1023" s="8" t="s">
        <v>12</v>
      </c>
      <c r="C1023" s="8" t="s">
        <v>13</v>
      </c>
      <c r="D1023" s="8">
        <v>1854</v>
      </c>
      <c r="E1023" s="3" t="s">
        <v>13</v>
      </c>
      <c r="F1023" s="6" t="s">
        <v>2482</v>
      </c>
      <c r="G1023" s="3" t="s">
        <v>16</v>
      </c>
      <c r="H1023" s="3" t="s">
        <v>17</v>
      </c>
      <c r="I1023" s="3" t="s">
        <v>18</v>
      </c>
      <c r="J1023" s="3" t="s">
        <v>2483</v>
      </c>
      <c r="K1023" s="4">
        <v>43372</v>
      </c>
    </row>
    <row r="1024" spans="1:11" x14ac:dyDescent="0.25">
      <c r="A1024" s="6" t="s">
        <v>2644</v>
      </c>
      <c r="B1024" s="8" t="s">
        <v>12</v>
      </c>
      <c r="C1024" s="8" t="s">
        <v>2645</v>
      </c>
      <c r="D1024" s="8">
        <v>1779</v>
      </c>
      <c r="E1024" s="3" t="s">
        <v>2646</v>
      </c>
      <c r="F1024" s="6" t="s">
        <v>2647</v>
      </c>
      <c r="G1024" s="3" t="s">
        <v>16</v>
      </c>
      <c r="H1024" s="3" t="s">
        <v>17</v>
      </c>
      <c r="I1024" s="3" t="s">
        <v>18</v>
      </c>
      <c r="J1024" s="3" t="s">
        <v>2648</v>
      </c>
      <c r="K1024" s="4">
        <v>43372</v>
      </c>
    </row>
    <row r="1025" spans="1:11" ht="60" x14ac:dyDescent="0.25">
      <c r="A1025" s="6" t="s">
        <v>2685</v>
      </c>
      <c r="B1025" s="8" t="s">
        <v>12</v>
      </c>
      <c r="C1025" s="8">
        <v>1890</v>
      </c>
      <c r="D1025" s="8">
        <v>1890</v>
      </c>
      <c r="E1025" s="3" t="s">
        <v>2686</v>
      </c>
      <c r="F1025" s="6" t="s">
        <v>2687</v>
      </c>
      <c r="G1025" s="3" t="s">
        <v>16</v>
      </c>
      <c r="H1025" s="3" t="s">
        <v>17</v>
      </c>
      <c r="I1025" s="3" t="s">
        <v>2688</v>
      </c>
      <c r="J1025" s="3" t="s">
        <v>2689</v>
      </c>
      <c r="K1025" s="4">
        <v>43372</v>
      </c>
    </row>
    <row r="1026" spans="1:11" ht="45" x14ac:dyDescent="0.25">
      <c r="A1026" s="6" t="s">
        <v>2738</v>
      </c>
      <c r="B1026" s="8" t="s">
        <v>12</v>
      </c>
      <c r="C1026" s="8" t="s">
        <v>960</v>
      </c>
      <c r="D1026" s="8">
        <v>1655</v>
      </c>
      <c r="E1026" s="3" t="s">
        <v>2739</v>
      </c>
      <c r="F1026" s="6" t="s">
        <v>2740</v>
      </c>
      <c r="G1026" s="3" t="s">
        <v>16</v>
      </c>
      <c r="H1026" s="3" t="s">
        <v>17</v>
      </c>
      <c r="I1026" s="3" t="s">
        <v>18</v>
      </c>
      <c r="J1026" s="3" t="s">
        <v>2741</v>
      </c>
      <c r="K1026" s="4">
        <v>43372</v>
      </c>
    </row>
    <row r="1027" spans="1:11" ht="75" x14ac:dyDescent="0.25">
      <c r="A1027" s="6" t="s">
        <v>2812</v>
      </c>
      <c r="B1027" s="8" t="s">
        <v>12</v>
      </c>
      <c r="C1027" s="8" t="s">
        <v>13</v>
      </c>
      <c r="D1027" s="8">
        <v>1912</v>
      </c>
      <c r="E1027" s="3" t="s">
        <v>13</v>
      </c>
      <c r="F1027" s="6" t="s">
        <v>2813</v>
      </c>
      <c r="G1027" s="3" t="s">
        <v>16</v>
      </c>
      <c r="H1027" s="3" t="s">
        <v>17</v>
      </c>
      <c r="I1027" s="3" t="s">
        <v>13</v>
      </c>
      <c r="J1027" s="3" t="s">
        <v>2814</v>
      </c>
      <c r="K1027" s="4">
        <v>43372</v>
      </c>
    </row>
    <row r="1028" spans="1:11" ht="105" x14ac:dyDescent="0.25">
      <c r="A1028" s="6" t="s">
        <v>2853</v>
      </c>
      <c r="B1028" s="8" t="s">
        <v>12</v>
      </c>
      <c r="C1028" s="8" t="s">
        <v>2854</v>
      </c>
      <c r="D1028" s="8">
        <v>1578</v>
      </c>
      <c r="E1028" s="3" t="s">
        <v>2855</v>
      </c>
      <c r="F1028" s="6" t="s">
        <v>2856</v>
      </c>
      <c r="G1028" s="3" t="s">
        <v>16</v>
      </c>
      <c r="H1028" s="3" t="s">
        <v>170</v>
      </c>
      <c r="I1028" s="3" t="s">
        <v>171</v>
      </c>
      <c r="J1028" s="3"/>
      <c r="K1028" s="4">
        <v>43372</v>
      </c>
    </row>
    <row r="1029" spans="1:11" ht="60" x14ac:dyDescent="0.25">
      <c r="A1029" s="6" t="s">
        <v>2951</v>
      </c>
      <c r="B1029" s="8" t="s">
        <v>12</v>
      </c>
      <c r="C1029" s="8">
        <v>1831</v>
      </c>
      <c r="D1029" s="8">
        <v>1831</v>
      </c>
      <c r="E1029" s="3" t="s">
        <v>13</v>
      </c>
      <c r="F1029" s="6" t="s">
        <v>2952</v>
      </c>
      <c r="G1029" s="3" t="s">
        <v>16</v>
      </c>
      <c r="H1029" s="3" t="s">
        <v>17</v>
      </c>
      <c r="I1029" s="3" t="s">
        <v>171</v>
      </c>
      <c r="J1029" s="3" t="s">
        <v>2953</v>
      </c>
      <c r="K1029" s="4">
        <v>43372</v>
      </c>
    </row>
    <row r="1030" spans="1:11" ht="45" x14ac:dyDescent="0.25">
      <c r="A1030" s="6" t="s">
        <v>2962</v>
      </c>
      <c r="B1030" s="8" t="s">
        <v>12</v>
      </c>
      <c r="C1030" s="8">
        <v>1851</v>
      </c>
      <c r="D1030" s="8">
        <v>1851</v>
      </c>
      <c r="E1030" s="3" t="s">
        <v>1030</v>
      </c>
      <c r="F1030" s="6" t="s">
        <v>2963</v>
      </c>
      <c r="G1030" s="3" t="s">
        <v>16</v>
      </c>
      <c r="H1030" s="3" t="s">
        <v>17</v>
      </c>
      <c r="I1030" s="3" t="s">
        <v>18</v>
      </c>
      <c r="J1030" s="3" t="s">
        <v>2964</v>
      </c>
      <c r="K1030" s="4">
        <v>43372</v>
      </c>
    </row>
    <row r="1031" spans="1:11" ht="60" x14ac:dyDescent="0.25">
      <c r="A1031" s="6" t="s">
        <v>2975</v>
      </c>
      <c r="B1031" s="8" t="s">
        <v>12</v>
      </c>
      <c r="C1031" s="8" t="s">
        <v>13</v>
      </c>
      <c r="D1031" s="8">
        <v>1842</v>
      </c>
      <c r="E1031" s="3" t="s">
        <v>2976</v>
      </c>
      <c r="F1031" s="6" t="s">
        <v>2977</v>
      </c>
      <c r="G1031" s="3" t="s">
        <v>16</v>
      </c>
      <c r="H1031" s="3" t="s">
        <v>17</v>
      </c>
      <c r="I1031" s="3" t="s">
        <v>250</v>
      </c>
      <c r="J1031" s="3" t="s">
        <v>1324</v>
      </c>
      <c r="K1031" s="4">
        <v>43372</v>
      </c>
    </row>
    <row r="1032" spans="1:11" ht="30" x14ac:dyDescent="0.25">
      <c r="A1032" s="6" t="s">
        <v>3051</v>
      </c>
      <c r="B1032" s="8" t="s">
        <v>12</v>
      </c>
      <c r="C1032" s="8">
        <v>1887</v>
      </c>
      <c r="D1032" s="8">
        <v>1887</v>
      </c>
      <c r="E1032" s="3" t="s">
        <v>3052</v>
      </c>
      <c r="F1032" s="6" t="s">
        <v>3053</v>
      </c>
      <c r="G1032" s="3" t="s">
        <v>16</v>
      </c>
      <c r="H1032" s="3" t="s">
        <v>17</v>
      </c>
      <c r="I1032" s="3" t="s">
        <v>18</v>
      </c>
      <c r="J1032" s="3" t="s">
        <v>3054</v>
      </c>
      <c r="K1032" s="4">
        <v>43372</v>
      </c>
    </row>
    <row r="1033" spans="1:11" ht="45" x14ac:dyDescent="0.25">
      <c r="A1033" s="6" t="s">
        <v>3064</v>
      </c>
      <c r="B1033" s="8" t="s">
        <v>12</v>
      </c>
      <c r="C1033" s="8" t="s">
        <v>206</v>
      </c>
      <c r="D1033" s="8">
        <v>1747</v>
      </c>
      <c r="E1033" s="3" t="s">
        <v>3065</v>
      </c>
      <c r="F1033" s="6" t="s">
        <v>3066</v>
      </c>
      <c r="G1033" s="3" t="s">
        <v>16</v>
      </c>
      <c r="H1033" s="3" t="s">
        <v>17</v>
      </c>
      <c r="I1033" s="3" t="s">
        <v>18</v>
      </c>
      <c r="J1033" s="3" t="s">
        <v>3067</v>
      </c>
      <c r="K1033" s="4">
        <v>43372</v>
      </c>
    </row>
    <row r="1034" spans="1:11" ht="135" x14ac:dyDescent="0.25">
      <c r="A1034" s="6" t="s">
        <v>3076</v>
      </c>
      <c r="B1034" s="8" t="s">
        <v>12</v>
      </c>
      <c r="C1034" s="8">
        <v>1820</v>
      </c>
      <c r="D1034" s="8">
        <v>1820</v>
      </c>
      <c r="E1034" s="3" t="s">
        <v>3077</v>
      </c>
      <c r="F1034" s="6" t="s">
        <v>3078</v>
      </c>
      <c r="G1034" s="3" t="s">
        <v>16</v>
      </c>
      <c r="H1034" s="3" t="s">
        <v>17</v>
      </c>
      <c r="I1034" s="3" t="s">
        <v>13</v>
      </c>
      <c r="J1034" s="3" t="s">
        <v>2261</v>
      </c>
      <c r="K1034" s="4">
        <v>43372</v>
      </c>
    </row>
    <row r="1035" spans="1:11" ht="30" x14ac:dyDescent="0.25">
      <c r="A1035" s="6" t="s">
        <v>3144</v>
      </c>
      <c r="B1035" s="8" t="s">
        <v>12</v>
      </c>
      <c r="C1035" s="8">
        <v>1605</v>
      </c>
      <c r="D1035" s="8">
        <v>1605</v>
      </c>
      <c r="E1035" s="3" t="s">
        <v>3145</v>
      </c>
      <c r="F1035" s="6" t="s">
        <v>3146</v>
      </c>
      <c r="G1035" s="3" t="s">
        <v>16</v>
      </c>
      <c r="H1035" s="3" t="s">
        <v>170</v>
      </c>
      <c r="I1035" s="3" t="s">
        <v>3147</v>
      </c>
      <c r="J1035" s="3" t="s">
        <v>3148</v>
      </c>
      <c r="K1035" s="4">
        <v>43372</v>
      </c>
    </row>
    <row r="1036" spans="1:11" ht="90" x14ac:dyDescent="0.25">
      <c r="A1036" s="6" t="s">
        <v>3220</v>
      </c>
      <c r="B1036" s="8" t="s">
        <v>12</v>
      </c>
      <c r="C1036" s="8">
        <v>1799</v>
      </c>
      <c r="D1036" s="8">
        <v>1799</v>
      </c>
      <c r="E1036" s="3" t="s">
        <v>3221</v>
      </c>
      <c r="F1036" s="6" t="s">
        <v>3222</v>
      </c>
      <c r="G1036" s="3" t="s">
        <v>16</v>
      </c>
      <c r="H1036" s="3" t="s">
        <v>17</v>
      </c>
      <c r="I1036" s="3" t="s">
        <v>18</v>
      </c>
      <c r="J1036" s="3" t="s">
        <v>3223</v>
      </c>
      <c r="K1036" s="4">
        <v>43372</v>
      </c>
    </row>
    <row r="1037" spans="1:11" ht="30" x14ac:dyDescent="0.25">
      <c r="A1037" s="6" t="s">
        <v>3269</v>
      </c>
      <c r="B1037" s="8" t="s">
        <v>12</v>
      </c>
      <c r="C1037" s="8" t="s">
        <v>13</v>
      </c>
      <c r="D1037" s="8">
        <v>1900</v>
      </c>
      <c r="E1037" s="3" t="s">
        <v>13</v>
      </c>
      <c r="F1037" s="6" t="s">
        <v>3270</v>
      </c>
      <c r="G1037" s="3" t="s">
        <v>16</v>
      </c>
      <c r="H1037" s="3" t="s">
        <v>17</v>
      </c>
      <c r="I1037" s="3" t="s">
        <v>13</v>
      </c>
      <c r="J1037" s="3" t="s">
        <v>3271</v>
      </c>
      <c r="K1037" s="4">
        <v>43372</v>
      </c>
    </row>
    <row r="1038" spans="1:11" ht="45" x14ac:dyDescent="0.25">
      <c r="A1038" s="6" t="s">
        <v>3280</v>
      </c>
      <c r="B1038" s="8" t="s">
        <v>12</v>
      </c>
      <c r="C1038" s="8" t="s">
        <v>13</v>
      </c>
      <c r="D1038" s="8">
        <v>1845</v>
      </c>
      <c r="E1038" s="3" t="s">
        <v>13</v>
      </c>
      <c r="F1038" s="6" t="s">
        <v>3281</v>
      </c>
      <c r="G1038" s="3" t="s">
        <v>16</v>
      </c>
      <c r="H1038" s="3" t="s">
        <v>17</v>
      </c>
      <c r="I1038" s="3" t="s">
        <v>13</v>
      </c>
      <c r="J1038" s="3" t="s">
        <v>13</v>
      </c>
      <c r="K1038" s="4">
        <v>43372</v>
      </c>
    </row>
    <row r="1039" spans="1:11" ht="60" x14ac:dyDescent="0.25">
      <c r="A1039" s="6" t="s">
        <v>3309</v>
      </c>
      <c r="B1039" s="8" t="s">
        <v>12</v>
      </c>
      <c r="C1039" s="8" t="s">
        <v>13</v>
      </c>
      <c r="D1039" s="8">
        <v>1853</v>
      </c>
      <c r="E1039" s="3" t="s">
        <v>13</v>
      </c>
      <c r="F1039" s="6" t="s">
        <v>3310</v>
      </c>
      <c r="G1039" s="3" t="s">
        <v>16</v>
      </c>
      <c r="H1039" s="3" t="s">
        <v>17</v>
      </c>
      <c r="I1039" s="3" t="s">
        <v>13</v>
      </c>
      <c r="J1039" s="3" t="s">
        <v>3311</v>
      </c>
      <c r="K1039" s="4">
        <v>43372</v>
      </c>
    </row>
    <row r="1040" spans="1:11" ht="60" x14ac:dyDescent="0.25">
      <c r="A1040" s="6" t="s">
        <v>3431</v>
      </c>
      <c r="B1040" s="8" t="s">
        <v>12</v>
      </c>
      <c r="C1040" s="8" t="s">
        <v>3432</v>
      </c>
      <c r="D1040" s="8">
        <v>1750</v>
      </c>
      <c r="E1040" s="3" t="s">
        <v>3433</v>
      </c>
      <c r="F1040" s="6" t="s">
        <v>3434</v>
      </c>
      <c r="G1040" s="3" t="s">
        <v>16</v>
      </c>
      <c r="H1040" s="3" t="s">
        <v>17</v>
      </c>
      <c r="I1040" s="3" t="s">
        <v>18</v>
      </c>
      <c r="J1040" s="3" t="s">
        <v>3435</v>
      </c>
      <c r="K1040" s="4">
        <v>43372</v>
      </c>
    </row>
    <row r="1041" spans="1:11" x14ac:dyDescent="0.25">
      <c r="A1041" s="6" t="s">
        <v>3440</v>
      </c>
      <c r="B1041" s="8" t="s">
        <v>12</v>
      </c>
      <c r="C1041" s="8" t="s">
        <v>3441</v>
      </c>
      <c r="D1041" s="8" t="s">
        <v>3441</v>
      </c>
      <c r="E1041" s="3" t="s">
        <v>3442</v>
      </c>
      <c r="F1041" s="6" t="s">
        <v>3443</v>
      </c>
      <c r="G1041" s="3" t="s">
        <v>16</v>
      </c>
      <c r="H1041" s="3" t="s">
        <v>17</v>
      </c>
      <c r="I1041" s="3" t="s">
        <v>18</v>
      </c>
      <c r="J1041" s="3" t="s">
        <v>3444</v>
      </c>
      <c r="K1041" s="4">
        <v>43372</v>
      </c>
    </row>
    <row r="1042" spans="1:11" ht="120" x14ac:dyDescent="0.25">
      <c r="A1042" s="6" t="s">
        <v>3573</v>
      </c>
      <c r="B1042" s="8" t="s">
        <v>12</v>
      </c>
      <c r="C1042" s="8">
        <v>1896</v>
      </c>
      <c r="D1042" s="8">
        <v>1896</v>
      </c>
      <c r="E1042" s="3" t="s">
        <v>3574</v>
      </c>
      <c r="F1042" s="6" t="s">
        <v>3575</v>
      </c>
      <c r="G1042" s="3" t="s">
        <v>16</v>
      </c>
      <c r="H1042" s="3" t="s">
        <v>17</v>
      </c>
      <c r="I1042" s="3" t="s">
        <v>18</v>
      </c>
      <c r="J1042" s="3" t="s">
        <v>13</v>
      </c>
      <c r="K1042" s="4">
        <v>43372</v>
      </c>
    </row>
    <row r="1043" spans="1:11" ht="90" x14ac:dyDescent="0.25">
      <c r="A1043" s="6" t="s">
        <v>3642</v>
      </c>
      <c r="B1043" s="8" t="s">
        <v>12</v>
      </c>
      <c r="C1043" s="8" t="s">
        <v>3643</v>
      </c>
      <c r="D1043" s="8">
        <v>1844</v>
      </c>
      <c r="E1043" s="3" t="s">
        <v>546</v>
      </c>
      <c r="F1043" s="6" t="s">
        <v>3644</v>
      </c>
      <c r="G1043" s="3" t="s">
        <v>16</v>
      </c>
      <c r="H1043" s="3" t="s">
        <v>17</v>
      </c>
      <c r="I1043" s="3" t="s">
        <v>18</v>
      </c>
      <c r="J1043" s="3" t="s">
        <v>13</v>
      </c>
      <c r="K1043" s="4">
        <v>43372</v>
      </c>
    </row>
    <row r="1044" spans="1:11" ht="90" x14ac:dyDescent="0.25">
      <c r="A1044" s="6" t="s">
        <v>3674</v>
      </c>
      <c r="B1044" s="8" t="s">
        <v>12</v>
      </c>
      <c r="C1044" s="8" t="s">
        <v>13</v>
      </c>
      <c r="D1044" s="8">
        <v>1848</v>
      </c>
      <c r="E1044" s="3" t="s">
        <v>3675</v>
      </c>
      <c r="F1044" s="6" t="s">
        <v>3676</v>
      </c>
      <c r="G1044" s="3" t="s">
        <v>16</v>
      </c>
      <c r="H1044" s="3" t="s">
        <v>17</v>
      </c>
      <c r="I1044" s="3" t="s">
        <v>18</v>
      </c>
      <c r="J1044" s="3" t="s">
        <v>3677</v>
      </c>
      <c r="K1044" s="4">
        <v>43372</v>
      </c>
    </row>
    <row r="1045" spans="1:11" ht="45" x14ac:dyDescent="0.25">
      <c r="A1045" s="6" t="s">
        <v>3761</v>
      </c>
      <c r="B1045" s="8" t="s">
        <v>12</v>
      </c>
      <c r="C1045" s="8" t="s">
        <v>13</v>
      </c>
      <c r="D1045" s="8">
        <v>1902</v>
      </c>
      <c r="E1045" s="3" t="s">
        <v>461</v>
      </c>
      <c r="F1045" s="6" t="s">
        <v>3762</v>
      </c>
      <c r="G1045" s="3" t="s">
        <v>16</v>
      </c>
      <c r="H1045" s="3" t="s">
        <v>17</v>
      </c>
      <c r="I1045" s="3" t="s">
        <v>18</v>
      </c>
      <c r="J1045" s="3" t="s">
        <v>1846</v>
      </c>
      <c r="K1045" s="4">
        <v>43372</v>
      </c>
    </row>
    <row r="1046" spans="1:11" ht="45" x14ac:dyDescent="0.25">
      <c r="A1046" s="6" t="s">
        <v>3801</v>
      </c>
      <c r="B1046" s="8" t="s">
        <v>12</v>
      </c>
      <c r="C1046" s="8">
        <v>1915</v>
      </c>
      <c r="D1046" s="8">
        <v>1915</v>
      </c>
      <c r="E1046" s="3" t="s">
        <v>461</v>
      </c>
      <c r="F1046" s="6" t="s">
        <v>3802</v>
      </c>
      <c r="G1046" s="3" t="s">
        <v>16</v>
      </c>
      <c r="H1046" s="3" t="s">
        <v>17</v>
      </c>
      <c r="I1046" s="3" t="s">
        <v>18</v>
      </c>
      <c r="J1046" s="3" t="s">
        <v>13</v>
      </c>
      <c r="K1046" s="4">
        <v>43372</v>
      </c>
    </row>
    <row r="1047" spans="1:11" ht="45" x14ac:dyDescent="0.25">
      <c r="A1047" s="6" t="s">
        <v>3917</v>
      </c>
      <c r="B1047" s="8" t="s">
        <v>12</v>
      </c>
      <c r="C1047" s="8" t="s">
        <v>3918</v>
      </c>
      <c r="D1047" s="8" t="s">
        <v>3919</v>
      </c>
      <c r="E1047" s="3" t="s">
        <v>3920</v>
      </c>
      <c r="F1047" s="6" t="s">
        <v>3921</v>
      </c>
      <c r="G1047" s="3" t="s">
        <v>16</v>
      </c>
      <c r="H1047" s="3" t="s">
        <v>17</v>
      </c>
      <c r="I1047" s="3" t="s">
        <v>18</v>
      </c>
      <c r="J1047" s="3" t="s">
        <v>3922</v>
      </c>
      <c r="K1047" s="4">
        <v>43372</v>
      </c>
    </row>
    <row r="1048" spans="1:11" ht="120" x14ac:dyDescent="0.25">
      <c r="A1048" s="6" t="s">
        <v>3923</v>
      </c>
      <c r="B1048" s="8" t="s">
        <v>12</v>
      </c>
      <c r="C1048" s="8">
        <v>1856</v>
      </c>
      <c r="D1048" s="8">
        <v>1856</v>
      </c>
      <c r="E1048" s="3" t="s">
        <v>3924</v>
      </c>
      <c r="F1048" s="6" t="s">
        <v>3925</v>
      </c>
      <c r="G1048" s="3" t="s">
        <v>16</v>
      </c>
      <c r="H1048" s="3" t="s">
        <v>17</v>
      </c>
      <c r="I1048" s="3" t="s">
        <v>18</v>
      </c>
      <c r="J1048" s="3" t="s">
        <v>3926</v>
      </c>
      <c r="K1048" s="4">
        <v>43372</v>
      </c>
    </row>
    <row r="1049" spans="1:11" ht="150" x14ac:dyDescent="0.25">
      <c r="A1049" s="6" t="s">
        <v>4005</v>
      </c>
      <c r="B1049" s="8" t="s">
        <v>12</v>
      </c>
      <c r="C1049" s="8">
        <v>1848</v>
      </c>
      <c r="D1049" s="8">
        <v>1848</v>
      </c>
      <c r="E1049" s="3" t="s">
        <v>4006</v>
      </c>
      <c r="F1049" s="6" t="s">
        <v>4007</v>
      </c>
      <c r="G1049" s="3" t="s">
        <v>16</v>
      </c>
      <c r="H1049" s="3" t="s">
        <v>17</v>
      </c>
      <c r="I1049" s="3" t="s">
        <v>18</v>
      </c>
      <c r="J1049" s="3" t="s">
        <v>4008</v>
      </c>
      <c r="K1049" s="4">
        <v>43372</v>
      </c>
    </row>
    <row r="1050" spans="1:11" ht="150" x14ac:dyDescent="0.25">
      <c r="A1050" s="6" t="s">
        <v>4060</v>
      </c>
      <c r="B1050" s="8" t="s">
        <v>12</v>
      </c>
      <c r="C1050" s="8">
        <v>1881</v>
      </c>
      <c r="D1050" s="8">
        <v>1881</v>
      </c>
      <c r="E1050" s="3" t="s">
        <v>4061</v>
      </c>
      <c r="F1050" s="6" t="s">
        <v>4062</v>
      </c>
      <c r="G1050" s="3" t="s">
        <v>16</v>
      </c>
      <c r="H1050" s="3" t="s">
        <v>17</v>
      </c>
      <c r="I1050" s="3" t="s">
        <v>18</v>
      </c>
      <c r="J1050" s="3" t="s">
        <v>4063</v>
      </c>
      <c r="K1050" s="4">
        <v>43372</v>
      </c>
    </row>
    <row r="1051" spans="1:11" ht="30" x14ac:dyDescent="0.25">
      <c r="A1051" s="6" t="s">
        <v>4130</v>
      </c>
      <c r="B1051" s="8" t="s">
        <v>12</v>
      </c>
      <c r="C1051" s="8">
        <v>1853</v>
      </c>
      <c r="D1051" s="8">
        <v>1853</v>
      </c>
      <c r="E1051" s="3" t="s">
        <v>2871</v>
      </c>
      <c r="F1051" s="6" t="s">
        <v>4131</v>
      </c>
      <c r="G1051" s="3" t="s">
        <v>16</v>
      </c>
      <c r="H1051" s="3" t="s">
        <v>17</v>
      </c>
      <c r="I1051" s="3" t="s">
        <v>18</v>
      </c>
      <c r="J1051" s="3" t="s">
        <v>13</v>
      </c>
      <c r="K1051" s="4">
        <v>43372</v>
      </c>
    </row>
    <row r="1052" spans="1:11" ht="60" x14ac:dyDescent="0.25">
      <c r="A1052" s="6" t="s">
        <v>4192</v>
      </c>
      <c r="B1052" s="8" t="s">
        <v>12</v>
      </c>
      <c r="C1052" s="8">
        <v>1865</v>
      </c>
      <c r="D1052" s="8">
        <v>1865</v>
      </c>
      <c r="E1052" s="3" t="s">
        <v>1237</v>
      </c>
      <c r="F1052" s="6" t="s">
        <v>4193</v>
      </c>
      <c r="G1052" s="3" t="s">
        <v>16</v>
      </c>
      <c r="H1052" s="3" t="s">
        <v>17</v>
      </c>
      <c r="I1052" s="3" t="s">
        <v>18</v>
      </c>
      <c r="J1052" s="3" t="s">
        <v>13</v>
      </c>
      <c r="K1052" s="4">
        <v>43372</v>
      </c>
    </row>
    <row r="1053" spans="1:11" ht="30" x14ac:dyDescent="0.25">
      <c r="A1053" s="6" t="s">
        <v>4195</v>
      </c>
      <c r="B1053" s="8" t="s">
        <v>12</v>
      </c>
      <c r="C1053" s="8" t="s">
        <v>13</v>
      </c>
      <c r="D1053" s="8">
        <v>1765</v>
      </c>
      <c r="E1053" s="3" t="s">
        <v>13</v>
      </c>
      <c r="F1053" s="6" t="s">
        <v>4196</v>
      </c>
      <c r="G1053" s="3" t="s">
        <v>16</v>
      </c>
      <c r="H1053" s="3" t="s">
        <v>17</v>
      </c>
      <c r="I1053" s="3" t="s">
        <v>4197</v>
      </c>
      <c r="J1053" s="3" t="s">
        <v>4198</v>
      </c>
      <c r="K1053" s="4">
        <v>43372</v>
      </c>
    </row>
    <row r="1054" spans="1:11" x14ac:dyDescent="0.25">
      <c r="A1054" s="6" t="s">
        <v>4245</v>
      </c>
      <c r="B1054" s="8" t="s">
        <v>12</v>
      </c>
      <c r="C1054" s="8">
        <v>1848</v>
      </c>
      <c r="D1054" s="8">
        <v>1848</v>
      </c>
      <c r="E1054" s="3" t="s">
        <v>13</v>
      </c>
      <c r="F1054" s="6" t="s">
        <v>4246</v>
      </c>
      <c r="G1054" s="3" t="s">
        <v>16</v>
      </c>
      <c r="H1054" s="3" t="s">
        <v>17</v>
      </c>
      <c r="I1054" s="3" t="s">
        <v>13</v>
      </c>
      <c r="J1054" s="3" t="s">
        <v>316</v>
      </c>
      <c r="K1054" s="4">
        <v>43372</v>
      </c>
    </row>
    <row r="1055" spans="1:11" x14ac:dyDescent="0.25">
      <c r="A1055" s="6" t="s">
        <v>4264</v>
      </c>
      <c r="B1055" s="8" t="s">
        <v>12</v>
      </c>
      <c r="C1055" s="8" t="s">
        <v>1101</v>
      </c>
      <c r="D1055" s="8">
        <v>1762</v>
      </c>
      <c r="E1055" s="3" t="s">
        <v>4265</v>
      </c>
      <c r="F1055" s="6" t="s">
        <v>4266</v>
      </c>
      <c r="G1055" s="3" t="s">
        <v>16</v>
      </c>
      <c r="H1055" s="3" t="s">
        <v>17</v>
      </c>
      <c r="I1055" s="3" t="s">
        <v>18</v>
      </c>
      <c r="J1055" s="3" t="s">
        <v>4267</v>
      </c>
      <c r="K1055" s="4">
        <v>43372</v>
      </c>
    </row>
    <row r="1056" spans="1:11" ht="30" x14ac:dyDescent="0.25">
      <c r="A1056" s="6" t="s">
        <v>4280</v>
      </c>
      <c r="B1056" s="8" t="s">
        <v>12</v>
      </c>
      <c r="C1056" s="8" t="s">
        <v>4281</v>
      </c>
      <c r="D1056" s="8" t="s">
        <v>4282</v>
      </c>
      <c r="E1056" s="3" t="s">
        <v>107</v>
      </c>
      <c r="F1056" s="6" t="s">
        <v>4283</v>
      </c>
      <c r="G1056" s="3" t="s">
        <v>16</v>
      </c>
      <c r="H1056" s="3" t="s">
        <v>17</v>
      </c>
      <c r="I1056" s="3" t="s">
        <v>18</v>
      </c>
      <c r="J1056" s="3" t="s">
        <v>1634</v>
      </c>
      <c r="K1056" s="4">
        <v>43372</v>
      </c>
    </row>
    <row r="1057" spans="1:11" ht="60" x14ac:dyDescent="0.25">
      <c r="A1057" s="6" t="s">
        <v>4427</v>
      </c>
      <c r="B1057" s="8" t="s">
        <v>12</v>
      </c>
      <c r="C1057" s="8">
        <v>1909</v>
      </c>
      <c r="D1057" s="8">
        <v>1909</v>
      </c>
      <c r="E1057" s="3" t="s">
        <v>4428</v>
      </c>
      <c r="F1057" s="6" t="s">
        <v>4429</v>
      </c>
      <c r="G1057" s="3" t="s">
        <v>16</v>
      </c>
      <c r="H1057" s="3" t="s">
        <v>170</v>
      </c>
      <c r="I1057" s="3" t="s">
        <v>171</v>
      </c>
      <c r="J1057" s="3" t="s">
        <v>4430</v>
      </c>
      <c r="K1057" s="4">
        <v>43372</v>
      </c>
    </row>
    <row r="1058" spans="1:11" ht="30" x14ac:dyDescent="0.25">
      <c r="A1058" s="6" t="s">
        <v>4463</v>
      </c>
      <c r="B1058" s="8" t="s">
        <v>12</v>
      </c>
      <c r="C1058" s="8" t="s">
        <v>4464</v>
      </c>
      <c r="D1058" s="9">
        <v>2744</v>
      </c>
      <c r="E1058" s="3" t="s">
        <v>13</v>
      </c>
      <c r="F1058" s="6" t="s">
        <v>4465</v>
      </c>
      <c r="G1058" s="3" t="s">
        <v>16</v>
      </c>
      <c r="H1058" s="3" t="s">
        <v>17</v>
      </c>
      <c r="I1058" s="3" t="s">
        <v>13</v>
      </c>
      <c r="J1058" s="3" t="s">
        <v>4466</v>
      </c>
      <c r="K1058" s="4">
        <v>43372</v>
      </c>
    </row>
    <row r="1059" spans="1:11" ht="30" x14ac:dyDescent="0.25">
      <c r="A1059" s="6" t="s">
        <v>4479</v>
      </c>
      <c r="B1059" s="8" t="s">
        <v>12</v>
      </c>
      <c r="C1059" s="8" t="s">
        <v>13</v>
      </c>
      <c r="D1059" s="8">
        <v>1855</v>
      </c>
      <c r="E1059" s="3" t="s">
        <v>13</v>
      </c>
      <c r="F1059" s="6" t="s">
        <v>4480</v>
      </c>
      <c r="G1059" s="3" t="s">
        <v>16</v>
      </c>
      <c r="H1059" s="3" t="s">
        <v>17</v>
      </c>
      <c r="I1059" s="3" t="s">
        <v>18</v>
      </c>
      <c r="J1059" s="3" t="s">
        <v>13</v>
      </c>
      <c r="K1059" s="4">
        <v>43372</v>
      </c>
    </row>
    <row r="1060" spans="1:11" ht="45" x14ac:dyDescent="0.25">
      <c r="A1060" s="6" t="s">
        <v>4489</v>
      </c>
      <c r="B1060" s="8" t="s">
        <v>12</v>
      </c>
      <c r="C1060" s="8">
        <v>1897</v>
      </c>
      <c r="D1060" s="8">
        <v>1897</v>
      </c>
      <c r="E1060" s="3" t="s">
        <v>13</v>
      </c>
      <c r="F1060" s="6" t="s">
        <v>4490</v>
      </c>
      <c r="G1060" s="3" t="s">
        <v>16</v>
      </c>
      <c r="H1060" s="3" t="s">
        <v>17</v>
      </c>
      <c r="I1060" s="3" t="s">
        <v>13</v>
      </c>
      <c r="J1060" s="3" t="s">
        <v>3677</v>
      </c>
      <c r="K1060" s="4">
        <v>43372</v>
      </c>
    </row>
    <row r="1061" spans="1:11" ht="30" x14ac:dyDescent="0.25">
      <c r="A1061" s="6" t="s">
        <v>4509</v>
      </c>
      <c r="B1061" s="8" t="s">
        <v>12</v>
      </c>
      <c r="C1061" s="8" t="s">
        <v>4510</v>
      </c>
      <c r="D1061" s="8" t="s">
        <v>4510</v>
      </c>
      <c r="E1061" s="3" t="s">
        <v>4511</v>
      </c>
      <c r="F1061" s="6" t="s">
        <v>4512</v>
      </c>
      <c r="G1061" s="3" t="s">
        <v>16</v>
      </c>
      <c r="H1061" s="3" t="s">
        <v>17</v>
      </c>
      <c r="I1061" s="3" t="s">
        <v>4513</v>
      </c>
      <c r="J1061" s="3" t="s">
        <v>4514</v>
      </c>
      <c r="K1061" s="4">
        <v>43372</v>
      </c>
    </row>
    <row r="1062" spans="1:11" ht="105" x14ac:dyDescent="0.25">
      <c r="A1062" s="6" t="s">
        <v>4520</v>
      </c>
      <c r="B1062" s="8" t="s">
        <v>12</v>
      </c>
      <c r="C1062" s="8" t="s">
        <v>13</v>
      </c>
      <c r="D1062" s="8">
        <v>1856</v>
      </c>
      <c r="E1062" s="3" t="s">
        <v>13</v>
      </c>
      <c r="F1062" s="6" t="s">
        <v>4521</v>
      </c>
      <c r="G1062" s="3" t="s">
        <v>16</v>
      </c>
      <c r="H1062" s="3" t="s">
        <v>17</v>
      </c>
      <c r="I1062" s="3" t="s">
        <v>2981</v>
      </c>
      <c r="J1062" s="3" t="s">
        <v>4522</v>
      </c>
      <c r="K1062" s="4">
        <v>43372</v>
      </c>
    </row>
    <row r="1063" spans="1:11" ht="75" x14ac:dyDescent="0.25">
      <c r="A1063" s="6" t="s">
        <v>4737</v>
      </c>
      <c r="B1063" s="8" t="s">
        <v>12</v>
      </c>
      <c r="C1063" s="8">
        <v>1619</v>
      </c>
      <c r="D1063" s="8">
        <v>1619</v>
      </c>
      <c r="E1063" s="3" t="s">
        <v>4738</v>
      </c>
      <c r="F1063" s="6" t="s">
        <v>4739</v>
      </c>
      <c r="G1063" s="3" t="s">
        <v>16</v>
      </c>
      <c r="H1063" s="3" t="s">
        <v>302</v>
      </c>
      <c r="I1063" s="3" t="s">
        <v>250</v>
      </c>
      <c r="J1063" s="3" t="s">
        <v>4740</v>
      </c>
      <c r="K1063" s="4">
        <v>43372</v>
      </c>
    </row>
    <row r="1064" spans="1:11" ht="90" x14ac:dyDescent="0.25">
      <c r="A1064" s="6" t="s">
        <v>4813</v>
      </c>
      <c r="B1064" s="8" t="s">
        <v>12</v>
      </c>
      <c r="C1064" s="8" t="s">
        <v>13</v>
      </c>
      <c r="D1064" s="8">
        <v>1624</v>
      </c>
      <c r="E1064" s="3" t="s">
        <v>4814</v>
      </c>
      <c r="F1064" s="6" t="s">
        <v>4815</v>
      </c>
      <c r="G1064" s="3" t="s">
        <v>16</v>
      </c>
      <c r="H1064" s="3" t="s">
        <v>17</v>
      </c>
      <c r="I1064" s="3" t="s">
        <v>18</v>
      </c>
      <c r="J1064" s="3" t="s">
        <v>4816</v>
      </c>
      <c r="K1064" s="4">
        <v>43372</v>
      </c>
    </row>
    <row r="1065" spans="1:11" x14ac:dyDescent="0.25">
      <c r="A1065" s="6" t="s">
        <v>4825</v>
      </c>
      <c r="B1065" s="8" t="s">
        <v>12</v>
      </c>
      <c r="C1065" s="8" t="s">
        <v>4826</v>
      </c>
      <c r="D1065" s="8">
        <v>1764</v>
      </c>
      <c r="E1065" s="3" t="s">
        <v>4717</v>
      </c>
      <c r="F1065" s="6" t="s">
        <v>4827</v>
      </c>
      <c r="G1065" s="3" t="s">
        <v>16</v>
      </c>
      <c r="H1065" s="3" t="s">
        <v>17</v>
      </c>
      <c r="I1065" s="3" t="s">
        <v>350</v>
      </c>
      <c r="J1065" s="3" t="s">
        <v>4828</v>
      </c>
      <c r="K1065" s="4">
        <v>43372</v>
      </c>
    </row>
    <row r="1066" spans="1:11" x14ac:dyDescent="0.25">
      <c r="A1066" s="6" t="s">
        <v>4927</v>
      </c>
      <c r="B1066" s="8" t="s">
        <v>12</v>
      </c>
      <c r="C1066" s="8" t="s">
        <v>34</v>
      </c>
      <c r="D1066" s="8">
        <v>1772</v>
      </c>
      <c r="E1066" s="3" t="s">
        <v>3111</v>
      </c>
      <c r="F1066" s="6" t="s">
        <v>4928</v>
      </c>
      <c r="G1066" s="3" t="s">
        <v>16</v>
      </c>
      <c r="H1066" s="3" t="s">
        <v>17</v>
      </c>
      <c r="I1066" s="3" t="s">
        <v>18</v>
      </c>
      <c r="J1066" s="3" t="s">
        <v>13</v>
      </c>
      <c r="K1066" s="4">
        <v>43372</v>
      </c>
    </row>
    <row r="1067" spans="1:11" ht="30" x14ac:dyDescent="0.25">
      <c r="A1067" s="6" t="s">
        <v>4956</v>
      </c>
      <c r="B1067" s="8" t="s">
        <v>12</v>
      </c>
      <c r="C1067" s="8">
        <v>1615</v>
      </c>
      <c r="D1067" s="8">
        <v>1615</v>
      </c>
      <c r="E1067" s="3" t="s">
        <v>4957</v>
      </c>
      <c r="F1067" s="6" t="s">
        <v>4958</v>
      </c>
      <c r="G1067" s="3" t="s">
        <v>16</v>
      </c>
      <c r="H1067" s="3" t="s">
        <v>17</v>
      </c>
      <c r="I1067" s="3" t="s">
        <v>18</v>
      </c>
      <c r="J1067" s="3" t="s">
        <v>4959</v>
      </c>
      <c r="K1067" s="4">
        <v>43372</v>
      </c>
    </row>
    <row r="1068" spans="1:11" ht="75" x14ac:dyDescent="0.25">
      <c r="A1068" s="6" t="s">
        <v>5028</v>
      </c>
      <c r="B1068" s="8" t="s">
        <v>12</v>
      </c>
      <c r="C1068" s="8" t="s">
        <v>5029</v>
      </c>
      <c r="D1068" s="8" t="s">
        <v>5030</v>
      </c>
      <c r="E1068" s="3" t="s">
        <v>461</v>
      </c>
      <c r="F1068" s="6" t="s">
        <v>5031</v>
      </c>
      <c r="G1068" s="3" t="s">
        <v>16</v>
      </c>
      <c r="H1068" s="3" t="s">
        <v>17</v>
      </c>
      <c r="I1068" s="3" t="s">
        <v>18</v>
      </c>
      <c r="J1068" s="3" t="s">
        <v>5032</v>
      </c>
      <c r="K1068" s="4">
        <v>43372</v>
      </c>
    </row>
    <row r="1069" spans="1:11" ht="45" x14ac:dyDescent="0.25">
      <c r="A1069" s="6" t="s">
        <v>5042</v>
      </c>
      <c r="B1069" s="8" t="s">
        <v>12</v>
      </c>
      <c r="C1069" s="8" t="s">
        <v>13</v>
      </c>
      <c r="D1069" s="8">
        <v>1800</v>
      </c>
      <c r="E1069" s="3" t="s">
        <v>13</v>
      </c>
      <c r="F1069" s="6" t="s">
        <v>5043</v>
      </c>
      <c r="G1069" s="3" t="s">
        <v>16</v>
      </c>
      <c r="H1069" s="3" t="s">
        <v>17</v>
      </c>
      <c r="I1069" s="3" t="s">
        <v>13</v>
      </c>
      <c r="J1069" s="3" t="s">
        <v>5044</v>
      </c>
      <c r="K1069" s="4">
        <v>43372</v>
      </c>
    </row>
    <row r="1070" spans="1:11" ht="75" x14ac:dyDescent="0.25">
      <c r="A1070" s="6" t="s">
        <v>5052</v>
      </c>
      <c r="B1070" s="8" t="s">
        <v>12</v>
      </c>
      <c r="C1070" s="8">
        <v>1906</v>
      </c>
      <c r="D1070" s="8">
        <v>1906</v>
      </c>
      <c r="E1070" s="3" t="s">
        <v>13</v>
      </c>
      <c r="F1070" s="6" t="s">
        <v>5053</v>
      </c>
      <c r="G1070" s="3" t="s">
        <v>16</v>
      </c>
      <c r="H1070" s="3" t="s">
        <v>170</v>
      </c>
      <c r="I1070" s="3" t="s">
        <v>13</v>
      </c>
      <c r="J1070" s="3" t="s">
        <v>5054</v>
      </c>
      <c r="K1070" s="4">
        <v>43372</v>
      </c>
    </row>
    <row r="1071" spans="1:11" ht="75" x14ac:dyDescent="0.25">
      <c r="A1071" s="6" t="s">
        <v>5196</v>
      </c>
      <c r="B1071" s="8" t="s">
        <v>12</v>
      </c>
      <c r="C1071" s="10">
        <v>5511</v>
      </c>
      <c r="D1071" s="8" t="s">
        <v>5197</v>
      </c>
      <c r="E1071" s="3" t="s">
        <v>5198</v>
      </c>
      <c r="F1071" s="6" t="s">
        <v>5199</v>
      </c>
      <c r="G1071" s="3" t="s">
        <v>16</v>
      </c>
      <c r="H1071" s="3" t="s">
        <v>17</v>
      </c>
      <c r="I1071" s="3" t="s">
        <v>250</v>
      </c>
      <c r="J1071" s="3" t="s">
        <v>113</v>
      </c>
      <c r="K1071" s="4">
        <v>43372</v>
      </c>
    </row>
    <row r="1072" spans="1:11" ht="30" x14ac:dyDescent="0.25">
      <c r="A1072" s="6" t="s">
        <v>5287</v>
      </c>
      <c r="B1072" s="8" t="s">
        <v>12</v>
      </c>
      <c r="C1072" s="8">
        <v>1914</v>
      </c>
      <c r="D1072" s="8">
        <v>1914</v>
      </c>
      <c r="E1072" s="3" t="s">
        <v>5288</v>
      </c>
      <c r="F1072" s="6" t="s">
        <v>5289</v>
      </c>
      <c r="G1072" s="3" t="s">
        <v>16</v>
      </c>
      <c r="H1072" s="3" t="s">
        <v>17</v>
      </c>
      <c r="I1072" s="3" t="s">
        <v>5290</v>
      </c>
      <c r="J1072" s="3" t="s">
        <v>1129</v>
      </c>
      <c r="K1072" s="4">
        <v>43372</v>
      </c>
    </row>
    <row r="1073" spans="1:11" ht="60" x14ac:dyDescent="0.25">
      <c r="A1073" s="6" t="s">
        <v>5311</v>
      </c>
      <c r="B1073" s="8" t="s">
        <v>12</v>
      </c>
      <c r="C1073" s="8">
        <v>1897</v>
      </c>
      <c r="D1073" s="8">
        <v>1897</v>
      </c>
      <c r="E1073" s="3" t="s">
        <v>5312</v>
      </c>
      <c r="F1073" s="6" t="s">
        <v>5313</v>
      </c>
      <c r="G1073" s="3" t="s">
        <v>16</v>
      </c>
      <c r="H1073" s="3" t="s">
        <v>170</v>
      </c>
      <c r="I1073" s="3" t="s">
        <v>171</v>
      </c>
      <c r="J1073" s="3" t="s">
        <v>5314</v>
      </c>
      <c r="K1073" s="4">
        <v>43372</v>
      </c>
    </row>
    <row r="1074" spans="1:11" ht="45" x14ac:dyDescent="0.25">
      <c r="A1074" s="6" t="s">
        <v>5330</v>
      </c>
      <c r="B1074" s="8" t="s">
        <v>12</v>
      </c>
      <c r="C1074" s="8" t="s">
        <v>5331</v>
      </c>
      <c r="D1074" s="9">
        <v>3734</v>
      </c>
      <c r="E1074" s="3" t="s">
        <v>13</v>
      </c>
      <c r="F1074" s="6" t="s">
        <v>5332</v>
      </c>
      <c r="G1074" s="3" t="s">
        <v>16</v>
      </c>
      <c r="H1074" s="3" t="s">
        <v>244</v>
      </c>
      <c r="I1074" s="3" t="s">
        <v>13</v>
      </c>
      <c r="J1074" s="3" t="s">
        <v>5333</v>
      </c>
      <c r="K1074" s="4">
        <v>43372</v>
      </c>
    </row>
    <row r="1075" spans="1:11" ht="30" x14ac:dyDescent="0.25">
      <c r="A1075" s="6" t="s">
        <v>5344</v>
      </c>
      <c r="B1075" s="8" t="s">
        <v>12</v>
      </c>
      <c r="C1075" s="8">
        <v>1912</v>
      </c>
      <c r="D1075" s="8">
        <v>1912</v>
      </c>
      <c r="E1075" s="3" t="s">
        <v>13</v>
      </c>
      <c r="F1075" s="6" t="s">
        <v>5345</v>
      </c>
      <c r="G1075" s="3" t="s">
        <v>16</v>
      </c>
      <c r="H1075" s="3" t="s">
        <v>17</v>
      </c>
      <c r="I1075" s="3" t="s">
        <v>13</v>
      </c>
      <c r="J1075" s="3" t="s">
        <v>5346</v>
      </c>
      <c r="K1075" s="4">
        <v>43372</v>
      </c>
    </row>
    <row r="1076" spans="1:11" x14ac:dyDescent="0.25">
      <c r="A1076" s="6" t="s">
        <v>5405</v>
      </c>
      <c r="B1076" s="8" t="s">
        <v>12</v>
      </c>
      <c r="C1076" s="8" t="s">
        <v>13</v>
      </c>
      <c r="D1076" s="8">
        <v>1880</v>
      </c>
      <c r="E1076" s="3" t="s">
        <v>13</v>
      </c>
      <c r="F1076" s="6" t="s">
        <v>5406</v>
      </c>
      <c r="G1076" s="3" t="s">
        <v>16</v>
      </c>
      <c r="H1076" s="3" t="s">
        <v>17</v>
      </c>
      <c r="I1076" s="3" t="s">
        <v>18</v>
      </c>
      <c r="J1076" s="3" t="s">
        <v>13</v>
      </c>
      <c r="K1076" s="4">
        <v>43372</v>
      </c>
    </row>
    <row r="1077" spans="1:11" ht="45" x14ac:dyDescent="0.25">
      <c r="A1077" s="6" t="s">
        <v>5422</v>
      </c>
      <c r="B1077" s="8" t="s">
        <v>12</v>
      </c>
      <c r="C1077" s="10">
        <v>8371</v>
      </c>
      <c r="D1077" s="8">
        <v>1922</v>
      </c>
      <c r="E1077" s="3" t="s">
        <v>5423</v>
      </c>
      <c r="F1077" s="6" t="s">
        <v>5424</v>
      </c>
      <c r="G1077" s="3" t="s">
        <v>16</v>
      </c>
      <c r="H1077" s="3" t="s">
        <v>17</v>
      </c>
      <c r="I1077" s="3" t="s">
        <v>250</v>
      </c>
      <c r="J1077" s="3" t="s">
        <v>5425</v>
      </c>
      <c r="K1077" s="4">
        <v>43372</v>
      </c>
    </row>
    <row r="1078" spans="1:11" ht="30" x14ac:dyDescent="0.25">
      <c r="A1078" s="6" t="s">
        <v>5451</v>
      </c>
      <c r="B1078" s="8" t="s">
        <v>12</v>
      </c>
      <c r="C1078" s="8">
        <v>1875</v>
      </c>
      <c r="D1078" s="8">
        <v>1875</v>
      </c>
      <c r="E1078" s="3" t="s">
        <v>5452</v>
      </c>
      <c r="F1078" s="6" t="s">
        <v>5453</v>
      </c>
      <c r="G1078" s="3" t="s">
        <v>16</v>
      </c>
      <c r="H1078" s="3" t="s">
        <v>17</v>
      </c>
      <c r="I1078" s="3" t="s">
        <v>4518</v>
      </c>
      <c r="J1078" s="3" t="s">
        <v>3317</v>
      </c>
      <c r="K1078" s="4">
        <v>43372</v>
      </c>
    </row>
    <row r="1079" spans="1:11" ht="135" x14ac:dyDescent="0.25">
      <c r="A1079" s="6" t="s">
        <v>5467</v>
      </c>
      <c r="B1079" s="8" t="s">
        <v>12</v>
      </c>
      <c r="C1079" s="8">
        <v>1856</v>
      </c>
      <c r="D1079" s="8">
        <v>1856</v>
      </c>
      <c r="E1079" s="3" t="s">
        <v>5468</v>
      </c>
      <c r="F1079" s="6" t="s">
        <v>5469</v>
      </c>
      <c r="G1079" s="3" t="s">
        <v>16</v>
      </c>
      <c r="H1079" s="3" t="s">
        <v>17</v>
      </c>
      <c r="I1079" s="3" t="s">
        <v>18</v>
      </c>
      <c r="J1079" s="3" t="s">
        <v>13</v>
      </c>
      <c r="K1079" s="4">
        <v>43372</v>
      </c>
    </row>
    <row r="1080" spans="1:11" ht="30" x14ac:dyDescent="0.25">
      <c r="A1080" s="6" t="s">
        <v>5517</v>
      </c>
      <c r="B1080" s="8" t="s">
        <v>12</v>
      </c>
      <c r="C1080" s="8">
        <v>1856</v>
      </c>
      <c r="D1080" s="8">
        <v>1856</v>
      </c>
      <c r="E1080" s="3" t="s">
        <v>5518</v>
      </c>
      <c r="F1080" s="6" t="s">
        <v>5519</v>
      </c>
      <c r="G1080" s="3" t="s">
        <v>16</v>
      </c>
      <c r="H1080" s="3" t="s">
        <v>17</v>
      </c>
      <c r="I1080" s="3" t="s">
        <v>5520</v>
      </c>
      <c r="J1080" s="3" t="s">
        <v>13</v>
      </c>
      <c r="K1080" s="4">
        <v>43372</v>
      </c>
    </row>
    <row r="1081" spans="1:11" ht="75" x14ac:dyDescent="0.25">
      <c r="A1081" s="6" t="s">
        <v>5550</v>
      </c>
      <c r="B1081" s="8" t="s">
        <v>12</v>
      </c>
      <c r="C1081" s="8">
        <v>1851</v>
      </c>
      <c r="D1081" s="8">
        <v>1851</v>
      </c>
      <c r="E1081" s="3" t="s">
        <v>13</v>
      </c>
      <c r="F1081" s="6" t="s">
        <v>5551</v>
      </c>
      <c r="G1081" s="3" t="s">
        <v>16</v>
      </c>
      <c r="H1081" s="3" t="s">
        <v>17</v>
      </c>
      <c r="I1081" s="3" t="s">
        <v>138</v>
      </c>
      <c r="J1081" s="3" t="s">
        <v>876</v>
      </c>
      <c r="K1081" s="4">
        <v>43372</v>
      </c>
    </row>
    <row r="1082" spans="1:11" ht="45" x14ac:dyDescent="0.25">
      <c r="A1082" s="6" t="s">
        <v>5555</v>
      </c>
      <c r="B1082" s="8" t="s">
        <v>12</v>
      </c>
      <c r="C1082" s="8" t="s">
        <v>13</v>
      </c>
      <c r="D1082" s="8">
        <v>1807</v>
      </c>
      <c r="E1082" s="3" t="s">
        <v>5556</v>
      </c>
      <c r="F1082" s="6" t="s">
        <v>5557</v>
      </c>
      <c r="G1082" s="3" t="s">
        <v>16</v>
      </c>
      <c r="H1082" s="3" t="s">
        <v>17</v>
      </c>
      <c r="I1082" s="3" t="s">
        <v>18</v>
      </c>
      <c r="J1082" s="3" t="s">
        <v>2636</v>
      </c>
      <c r="K1082" s="4">
        <v>43372</v>
      </c>
    </row>
    <row r="1083" spans="1:11" ht="45" x14ac:dyDescent="0.25">
      <c r="A1083" s="6" t="s">
        <v>38</v>
      </c>
      <c r="B1083" s="8" t="s">
        <v>12</v>
      </c>
      <c r="C1083" s="8">
        <v>1822</v>
      </c>
      <c r="D1083" s="8">
        <v>1822</v>
      </c>
      <c r="E1083" s="3" t="s">
        <v>39</v>
      </c>
      <c r="F1083" s="6" t="s">
        <v>40</v>
      </c>
      <c r="G1083" s="3" t="s">
        <v>16</v>
      </c>
      <c r="H1083" s="3" t="s">
        <v>17</v>
      </c>
      <c r="I1083" s="3" t="s">
        <v>18</v>
      </c>
      <c r="J1083" s="3" t="s">
        <v>41</v>
      </c>
      <c r="K1083" s="4">
        <v>43371</v>
      </c>
    </row>
    <row r="1084" spans="1:11" ht="30" x14ac:dyDescent="0.25">
      <c r="A1084" s="6" t="s">
        <v>167</v>
      </c>
      <c r="B1084" s="8" t="s">
        <v>12</v>
      </c>
      <c r="C1084" s="8">
        <v>1907</v>
      </c>
      <c r="D1084" s="8">
        <v>1907</v>
      </c>
      <c r="E1084" s="3" t="s">
        <v>168</v>
      </c>
      <c r="F1084" s="6" t="s">
        <v>169</v>
      </c>
      <c r="G1084" s="3" t="s">
        <v>16</v>
      </c>
      <c r="H1084" s="3" t="s">
        <v>170</v>
      </c>
      <c r="I1084" s="3" t="s">
        <v>171</v>
      </c>
      <c r="J1084" s="3"/>
      <c r="K1084" s="4">
        <v>43371</v>
      </c>
    </row>
    <row r="1085" spans="1:11" x14ac:dyDescent="0.25">
      <c r="A1085" s="6" t="s">
        <v>228</v>
      </c>
      <c r="B1085" s="8" t="s">
        <v>12</v>
      </c>
      <c r="C1085" s="8" t="s">
        <v>229</v>
      </c>
      <c r="D1085" s="8">
        <v>1855</v>
      </c>
      <c r="E1085" s="3" t="s">
        <v>230</v>
      </c>
      <c r="F1085" s="6" t="s">
        <v>231</v>
      </c>
      <c r="G1085" s="3" t="s">
        <v>16</v>
      </c>
      <c r="H1085" s="3" t="s">
        <v>17</v>
      </c>
      <c r="I1085" s="3" t="s">
        <v>18</v>
      </c>
      <c r="J1085" s="3" t="s">
        <v>232</v>
      </c>
      <c r="K1085" s="4">
        <v>43371</v>
      </c>
    </row>
    <row r="1086" spans="1:11" ht="120" x14ac:dyDescent="0.25">
      <c r="A1086" s="6" t="s">
        <v>265</v>
      </c>
      <c r="B1086" s="8" t="s">
        <v>12</v>
      </c>
      <c r="C1086" s="8" t="s">
        <v>13</v>
      </c>
      <c r="D1086" s="8">
        <v>1803</v>
      </c>
      <c r="E1086" s="3" t="s">
        <v>13</v>
      </c>
      <c r="F1086" s="6" t="s">
        <v>266</v>
      </c>
      <c r="G1086" s="3" t="s">
        <v>16</v>
      </c>
      <c r="H1086" s="3" t="s">
        <v>17</v>
      </c>
      <c r="I1086" s="3" t="s">
        <v>18</v>
      </c>
      <c r="J1086" s="3" t="s">
        <v>13</v>
      </c>
      <c r="K1086" s="4">
        <v>43371</v>
      </c>
    </row>
    <row r="1087" spans="1:11" ht="45" x14ac:dyDescent="0.25">
      <c r="A1087" s="6" t="s">
        <v>312</v>
      </c>
      <c r="B1087" s="8" t="s">
        <v>12</v>
      </c>
      <c r="C1087" s="8" t="s">
        <v>313</v>
      </c>
      <c r="D1087" s="8">
        <v>1865</v>
      </c>
      <c r="E1087" s="3" t="s">
        <v>314</v>
      </c>
      <c r="F1087" s="6" t="s">
        <v>315</v>
      </c>
      <c r="G1087" s="3" t="s">
        <v>16</v>
      </c>
      <c r="H1087" s="3" t="s">
        <v>17</v>
      </c>
      <c r="I1087" s="3" t="s">
        <v>18</v>
      </c>
      <c r="J1087" s="3" t="s">
        <v>316</v>
      </c>
      <c r="K1087" s="4">
        <v>43371</v>
      </c>
    </row>
    <row r="1088" spans="1:11" ht="105" x14ac:dyDescent="0.25">
      <c r="A1088" s="6" t="s">
        <v>335</v>
      </c>
      <c r="B1088" s="8" t="s">
        <v>12</v>
      </c>
      <c r="C1088" s="8" t="s">
        <v>13</v>
      </c>
      <c r="D1088" s="8">
        <v>1917</v>
      </c>
      <c r="E1088" s="3" t="s">
        <v>336</v>
      </c>
      <c r="F1088" s="6" t="s">
        <v>337</v>
      </c>
      <c r="G1088" s="3" t="s">
        <v>16</v>
      </c>
      <c r="H1088" s="3" t="s">
        <v>17</v>
      </c>
      <c r="I1088" s="3" t="s">
        <v>13</v>
      </c>
      <c r="J1088" s="3" t="s">
        <v>338</v>
      </c>
      <c r="K1088" s="4">
        <v>43371</v>
      </c>
    </row>
    <row r="1089" spans="1:11" ht="120" x14ac:dyDescent="0.25">
      <c r="A1089" s="6" t="s">
        <v>339</v>
      </c>
      <c r="B1089" s="8" t="s">
        <v>12</v>
      </c>
      <c r="C1089" s="8" t="s">
        <v>13</v>
      </c>
      <c r="D1089" s="8">
        <v>1857</v>
      </c>
      <c r="E1089" s="3" t="s">
        <v>13</v>
      </c>
      <c r="F1089" s="6" t="s">
        <v>340</v>
      </c>
      <c r="G1089" s="3" t="s">
        <v>16</v>
      </c>
      <c r="H1089" s="3" t="s">
        <v>17</v>
      </c>
      <c r="I1089" s="3" t="s">
        <v>18</v>
      </c>
      <c r="J1089" s="3" t="s">
        <v>341</v>
      </c>
      <c r="K1089" s="4">
        <v>43371</v>
      </c>
    </row>
    <row r="1090" spans="1:11" ht="195" x14ac:dyDescent="0.25">
      <c r="A1090" s="6" t="s">
        <v>415</v>
      </c>
      <c r="B1090" s="8" t="s">
        <v>12</v>
      </c>
      <c r="C1090" s="8" t="s">
        <v>416</v>
      </c>
      <c r="D1090" s="8">
        <v>1619</v>
      </c>
      <c r="E1090" s="3" t="s">
        <v>417</v>
      </c>
      <c r="F1090" s="6" t="s">
        <v>418</v>
      </c>
      <c r="G1090" s="3" t="s">
        <v>16</v>
      </c>
      <c r="H1090" s="3" t="s">
        <v>170</v>
      </c>
      <c r="I1090" s="3" t="s">
        <v>388</v>
      </c>
      <c r="J1090" s="3" t="s">
        <v>419</v>
      </c>
      <c r="K1090" s="4">
        <v>43371</v>
      </c>
    </row>
    <row r="1091" spans="1:11" ht="30" x14ac:dyDescent="0.25">
      <c r="A1091" s="6" t="s">
        <v>423</v>
      </c>
      <c r="B1091" s="8" t="s">
        <v>12</v>
      </c>
      <c r="C1091" s="8">
        <v>1701</v>
      </c>
      <c r="D1091" s="8">
        <v>1701</v>
      </c>
      <c r="E1091" s="3" t="s">
        <v>424</v>
      </c>
      <c r="F1091" s="6" t="s">
        <v>425</v>
      </c>
      <c r="G1091" s="3" t="s">
        <v>16</v>
      </c>
      <c r="H1091" s="3" t="s">
        <v>17</v>
      </c>
      <c r="I1091" s="3" t="s">
        <v>18</v>
      </c>
      <c r="J1091" s="3" t="s">
        <v>426</v>
      </c>
      <c r="K1091" s="4">
        <v>43371</v>
      </c>
    </row>
    <row r="1092" spans="1:11" ht="165" x14ac:dyDescent="0.25">
      <c r="A1092" s="6" t="s">
        <v>460</v>
      </c>
      <c r="B1092" s="8" t="s">
        <v>12</v>
      </c>
      <c r="C1092" s="8">
        <v>1905</v>
      </c>
      <c r="D1092" s="8">
        <v>1905</v>
      </c>
      <c r="E1092" s="3" t="s">
        <v>461</v>
      </c>
      <c r="F1092" s="6" t="s">
        <v>462</v>
      </c>
      <c r="G1092" s="3" t="s">
        <v>16</v>
      </c>
      <c r="H1092" s="3" t="s">
        <v>17</v>
      </c>
      <c r="I1092" s="3" t="s">
        <v>18</v>
      </c>
      <c r="J1092" s="3" t="s">
        <v>463</v>
      </c>
      <c r="K1092" s="4">
        <v>43371</v>
      </c>
    </row>
    <row r="1093" spans="1:11" ht="180" x14ac:dyDescent="0.25">
      <c r="A1093" s="6" t="s">
        <v>467</v>
      </c>
      <c r="B1093" s="8" t="s">
        <v>12</v>
      </c>
      <c r="C1093" s="8" t="s">
        <v>468</v>
      </c>
      <c r="D1093" s="8" t="s">
        <v>468</v>
      </c>
      <c r="E1093" s="3" t="s">
        <v>469</v>
      </c>
      <c r="F1093" s="6" t="s">
        <v>470</v>
      </c>
      <c r="G1093" s="3" t="s">
        <v>16</v>
      </c>
      <c r="H1093" s="3" t="s">
        <v>17</v>
      </c>
      <c r="I1093" s="3" t="s">
        <v>18</v>
      </c>
      <c r="J1093" s="3" t="s">
        <v>471</v>
      </c>
      <c r="K1093" s="4">
        <v>43371</v>
      </c>
    </row>
    <row r="1094" spans="1:11" x14ac:dyDescent="0.25">
      <c r="A1094" s="6" t="s">
        <v>518</v>
      </c>
      <c r="B1094" s="8" t="s">
        <v>12</v>
      </c>
      <c r="C1094" s="8" t="s">
        <v>13</v>
      </c>
      <c r="D1094" s="8">
        <v>1752</v>
      </c>
      <c r="E1094" s="3" t="s">
        <v>519</v>
      </c>
      <c r="F1094" s="6" t="s">
        <v>520</v>
      </c>
      <c r="G1094" s="3" t="s">
        <v>16</v>
      </c>
      <c r="H1094" s="3" t="s">
        <v>17</v>
      </c>
      <c r="I1094" s="3" t="s">
        <v>18</v>
      </c>
      <c r="J1094" s="3" t="s">
        <v>521</v>
      </c>
      <c r="K1094" s="4">
        <v>43371</v>
      </c>
    </row>
    <row r="1095" spans="1:11" ht="105" x14ac:dyDescent="0.25">
      <c r="A1095" s="6" t="s">
        <v>531</v>
      </c>
      <c r="B1095" s="8" t="s">
        <v>12</v>
      </c>
      <c r="C1095" s="8" t="s">
        <v>13</v>
      </c>
      <c r="D1095" s="8">
        <v>1826</v>
      </c>
      <c r="E1095" s="3" t="s">
        <v>13</v>
      </c>
      <c r="F1095" s="6" t="s">
        <v>532</v>
      </c>
      <c r="G1095" s="3" t="s">
        <v>16</v>
      </c>
      <c r="H1095" s="3" t="s">
        <v>17</v>
      </c>
      <c r="I1095" s="3" t="s">
        <v>13</v>
      </c>
      <c r="J1095" s="3" t="s">
        <v>533</v>
      </c>
      <c r="K1095" s="4">
        <v>43371</v>
      </c>
    </row>
    <row r="1096" spans="1:11" ht="45" x14ac:dyDescent="0.25">
      <c r="A1096" s="6" t="s">
        <v>544</v>
      </c>
      <c r="B1096" s="8" t="s">
        <v>12</v>
      </c>
      <c r="C1096" s="8" t="s">
        <v>545</v>
      </c>
      <c r="D1096" s="8" t="s">
        <v>545</v>
      </c>
      <c r="E1096" s="3" t="s">
        <v>546</v>
      </c>
      <c r="F1096" s="6" t="s">
        <v>547</v>
      </c>
      <c r="G1096" s="3" t="s">
        <v>16</v>
      </c>
      <c r="H1096" s="3" t="s">
        <v>17</v>
      </c>
      <c r="I1096" s="3" t="s">
        <v>18</v>
      </c>
      <c r="J1096" s="3" t="s">
        <v>548</v>
      </c>
      <c r="K1096" s="4">
        <v>43371</v>
      </c>
    </row>
    <row r="1097" spans="1:11" ht="45" x14ac:dyDescent="0.25">
      <c r="A1097" s="6" t="s">
        <v>607</v>
      </c>
      <c r="B1097" s="8" t="s">
        <v>12</v>
      </c>
      <c r="C1097" s="8" t="s">
        <v>13</v>
      </c>
      <c r="D1097" s="8">
        <v>1827</v>
      </c>
      <c r="E1097" s="3" t="s">
        <v>608</v>
      </c>
      <c r="F1097" s="6" t="s">
        <v>609</v>
      </c>
      <c r="G1097" s="3" t="s">
        <v>16</v>
      </c>
      <c r="H1097" s="3" t="s">
        <v>17</v>
      </c>
      <c r="I1097" s="3" t="s">
        <v>18</v>
      </c>
      <c r="J1097" s="3" t="s">
        <v>13</v>
      </c>
      <c r="K1097" s="4">
        <v>43371</v>
      </c>
    </row>
    <row r="1098" spans="1:11" ht="135" x14ac:dyDescent="0.25">
      <c r="A1098" s="6" t="s">
        <v>741</v>
      </c>
      <c r="B1098" s="8" t="s">
        <v>12</v>
      </c>
      <c r="C1098" s="8">
        <v>1805</v>
      </c>
      <c r="D1098" s="8">
        <v>1805</v>
      </c>
      <c r="E1098" s="3" t="s">
        <v>742</v>
      </c>
      <c r="F1098" s="6" t="s">
        <v>743</v>
      </c>
      <c r="G1098" s="3" t="s">
        <v>16</v>
      </c>
      <c r="H1098" s="3" t="s">
        <v>17</v>
      </c>
      <c r="I1098" s="3" t="s">
        <v>18</v>
      </c>
      <c r="J1098" s="3" t="s">
        <v>744</v>
      </c>
      <c r="K1098" s="4">
        <v>43371</v>
      </c>
    </row>
    <row r="1099" spans="1:11" ht="45" x14ac:dyDescent="0.25">
      <c r="A1099" s="6" t="s">
        <v>775</v>
      </c>
      <c r="B1099" s="8" t="s">
        <v>12</v>
      </c>
      <c r="C1099" s="8">
        <v>1889</v>
      </c>
      <c r="D1099" s="8">
        <v>1889</v>
      </c>
      <c r="E1099" s="3" t="s">
        <v>776</v>
      </c>
      <c r="F1099" s="6" t="s">
        <v>777</v>
      </c>
      <c r="G1099" s="3" t="s">
        <v>16</v>
      </c>
      <c r="H1099" s="3" t="s">
        <v>17</v>
      </c>
      <c r="I1099" s="3" t="s">
        <v>25</v>
      </c>
      <c r="J1099" s="3" t="s">
        <v>778</v>
      </c>
      <c r="K1099" s="4">
        <v>43371</v>
      </c>
    </row>
    <row r="1100" spans="1:11" ht="45" x14ac:dyDescent="0.25">
      <c r="A1100" s="6" t="s">
        <v>822</v>
      </c>
      <c r="B1100" s="8" t="s">
        <v>12</v>
      </c>
      <c r="C1100" s="8">
        <v>1915</v>
      </c>
      <c r="D1100" s="8">
        <v>1915</v>
      </c>
      <c r="E1100" s="3" t="s">
        <v>823</v>
      </c>
      <c r="F1100" s="6" t="s">
        <v>824</v>
      </c>
      <c r="G1100" s="3" t="s">
        <v>16</v>
      </c>
      <c r="H1100" s="3" t="s">
        <v>302</v>
      </c>
      <c r="I1100" s="3" t="s">
        <v>226</v>
      </c>
      <c r="J1100" s="3" t="s">
        <v>513</v>
      </c>
      <c r="K1100" s="4">
        <v>43371</v>
      </c>
    </row>
    <row r="1101" spans="1:11" ht="90" x14ac:dyDescent="0.25">
      <c r="A1101" s="6" t="s">
        <v>871</v>
      </c>
      <c r="B1101" s="8" t="s">
        <v>12</v>
      </c>
      <c r="C1101" s="8" t="s">
        <v>872</v>
      </c>
      <c r="D1101" s="8" t="s">
        <v>873</v>
      </c>
      <c r="E1101" s="3" t="s">
        <v>874</v>
      </c>
      <c r="F1101" s="6" t="s">
        <v>875</v>
      </c>
      <c r="G1101" s="3" t="s">
        <v>16</v>
      </c>
      <c r="H1101" s="3" t="s">
        <v>17</v>
      </c>
      <c r="I1101" s="3" t="s">
        <v>138</v>
      </c>
      <c r="J1101" s="3" t="s">
        <v>876</v>
      </c>
      <c r="K1101" s="4">
        <v>43371</v>
      </c>
    </row>
    <row r="1102" spans="1:11" ht="30" x14ac:dyDescent="0.25">
      <c r="A1102" s="6" t="s">
        <v>896</v>
      </c>
      <c r="B1102" s="8" t="s">
        <v>12</v>
      </c>
      <c r="C1102" s="8">
        <v>1832</v>
      </c>
      <c r="D1102" s="8">
        <v>1832</v>
      </c>
      <c r="E1102" s="3" t="s">
        <v>897</v>
      </c>
      <c r="F1102" s="6" t="s">
        <v>898</v>
      </c>
      <c r="G1102" s="3" t="s">
        <v>16</v>
      </c>
      <c r="H1102" s="3" t="s">
        <v>17</v>
      </c>
      <c r="I1102" s="3" t="s">
        <v>18</v>
      </c>
      <c r="J1102" s="3" t="s">
        <v>899</v>
      </c>
      <c r="K1102" s="4">
        <v>43371</v>
      </c>
    </row>
    <row r="1103" spans="1:11" ht="60" x14ac:dyDescent="0.25">
      <c r="A1103" s="6" t="s">
        <v>928</v>
      </c>
      <c r="B1103" s="8" t="s">
        <v>12</v>
      </c>
      <c r="C1103" s="8">
        <v>1846</v>
      </c>
      <c r="D1103" s="8">
        <v>1846</v>
      </c>
      <c r="E1103" s="3" t="s">
        <v>929</v>
      </c>
      <c r="F1103" s="6" t="s">
        <v>930</v>
      </c>
      <c r="G1103" s="3" t="s">
        <v>16</v>
      </c>
      <c r="H1103" s="3" t="s">
        <v>170</v>
      </c>
      <c r="I1103" s="3" t="s">
        <v>931</v>
      </c>
      <c r="J1103" s="3" t="s">
        <v>932</v>
      </c>
      <c r="K1103" s="4">
        <v>43371</v>
      </c>
    </row>
    <row r="1104" spans="1:11" ht="60" x14ac:dyDescent="0.25">
      <c r="A1104" s="6" t="s">
        <v>944</v>
      </c>
      <c r="B1104" s="8" t="s">
        <v>12</v>
      </c>
      <c r="C1104" s="8" t="s">
        <v>13</v>
      </c>
      <c r="D1104" s="8">
        <v>1800</v>
      </c>
      <c r="E1104" s="3" t="s">
        <v>13</v>
      </c>
      <c r="F1104" s="6" t="s">
        <v>945</v>
      </c>
      <c r="G1104" s="3" t="s">
        <v>16</v>
      </c>
      <c r="H1104" s="3" t="s">
        <v>17</v>
      </c>
      <c r="I1104" s="3" t="s">
        <v>18</v>
      </c>
      <c r="J1104" s="3" t="s">
        <v>946</v>
      </c>
      <c r="K1104" s="4">
        <v>43371</v>
      </c>
    </row>
    <row r="1105" spans="1:11" ht="165" x14ac:dyDescent="0.25">
      <c r="A1105" s="6" t="s">
        <v>975</v>
      </c>
      <c r="B1105" s="8" t="s">
        <v>12</v>
      </c>
      <c r="C1105" s="8" t="s">
        <v>13</v>
      </c>
      <c r="D1105" s="8">
        <v>1922</v>
      </c>
      <c r="E1105" s="3" t="s">
        <v>13</v>
      </c>
      <c r="F1105" s="6" t="s">
        <v>976</v>
      </c>
      <c r="G1105" s="3" t="s">
        <v>16</v>
      </c>
      <c r="H1105" s="3" t="s">
        <v>17</v>
      </c>
      <c r="I1105" s="3" t="s">
        <v>121</v>
      </c>
      <c r="J1105" s="3" t="s">
        <v>977</v>
      </c>
      <c r="K1105" s="4">
        <v>43371</v>
      </c>
    </row>
    <row r="1106" spans="1:11" ht="30" x14ac:dyDescent="0.25">
      <c r="A1106" s="6" t="s">
        <v>1073</v>
      </c>
      <c r="B1106" s="8" t="s">
        <v>12</v>
      </c>
      <c r="C1106" s="8" t="s">
        <v>13</v>
      </c>
      <c r="D1106" s="8">
        <v>1920</v>
      </c>
      <c r="E1106" s="3" t="s">
        <v>1074</v>
      </c>
      <c r="F1106" s="6" t="s">
        <v>1075</v>
      </c>
      <c r="G1106" s="3" t="s">
        <v>16</v>
      </c>
      <c r="H1106" s="3" t="s">
        <v>17</v>
      </c>
      <c r="I1106" s="3" t="s">
        <v>18</v>
      </c>
      <c r="J1106" s="3" t="s">
        <v>13</v>
      </c>
      <c r="K1106" s="4">
        <v>43371</v>
      </c>
    </row>
    <row r="1107" spans="1:11" x14ac:dyDescent="0.25">
      <c r="A1107" s="6" t="s">
        <v>1100</v>
      </c>
      <c r="B1107" s="8" t="s">
        <v>12</v>
      </c>
      <c r="C1107" s="8" t="s">
        <v>1101</v>
      </c>
      <c r="D1107" s="8">
        <v>1762</v>
      </c>
      <c r="E1107" s="3" t="s">
        <v>1102</v>
      </c>
      <c r="F1107" s="6" t="s">
        <v>1103</v>
      </c>
      <c r="G1107" s="3" t="s">
        <v>16</v>
      </c>
      <c r="H1107" s="3" t="s">
        <v>17</v>
      </c>
      <c r="I1107" s="3" t="s">
        <v>18</v>
      </c>
      <c r="J1107" s="3" t="s">
        <v>13</v>
      </c>
      <c r="K1107" s="4">
        <v>43371</v>
      </c>
    </row>
    <row r="1108" spans="1:11" ht="60" x14ac:dyDescent="0.25">
      <c r="A1108" s="6" t="s">
        <v>1256</v>
      </c>
      <c r="B1108" s="8" t="s">
        <v>12</v>
      </c>
      <c r="C1108" s="8">
        <v>1853</v>
      </c>
      <c r="D1108" s="8">
        <v>1853</v>
      </c>
      <c r="E1108" s="3" t="s">
        <v>13</v>
      </c>
      <c r="F1108" s="6" t="s">
        <v>1257</v>
      </c>
      <c r="G1108" s="3" t="s">
        <v>16</v>
      </c>
      <c r="H1108" s="3" t="s">
        <v>30</v>
      </c>
      <c r="I1108" s="3" t="s">
        <v>57</v>
      </c>
      <c r="J1108" s="3" t="s">
        <v>1258</v>
      </c>
      <c r="K1108" s="4">
        <v>43371</v>
      </c>
    </row>
    <row r="1109" spans="1:11" ht="30" x14ac:dyDescent="0.25">
      <c r="A1109" s="6" t="s">
        <v>1267</v>
      </c>
      <c r="B1109" s="8" t="s">
        <v>12</v>
      </c>
      <c r="C1109" s="8">
        <v>1852</v>
      </c>
      <c r="D1109" s="8">
        <v>1852</v>
      </c>
      <c r="E1109" s="3" t="s">
        <v>1268</v>
      </c>
      <c r="F1109" s="6" t="s">
        <v>1269</v>
      </c>
      <c r="G1109" s="3" t="s">
        <v>16</v>
      </c>
      <c r="H1109" s="3" t="s">
        <v>17</v>
      </c>
      <c r="I1109" s="3" t="s">
        <v>18</v>
      </c>
      <c r="J1109" s="3" t="s">
        <v>1270</v>
      </c>
      <c r="K1109" s="4">
        <v>43371</v>
      </c>
    </row>
    <row r="1110" spans="1:11" ht="135" x14ac:dyDescent="0.25">
      <c r="A1110" s="6" t="s">
        <v>1275</v>
      </c>
      <c r="B1110" s="8" t="s">
        <v>12</v>
      </c>
      <c r="C1110" s="8" t="s">
        <v>1276</v>
      </c>
      <c r="D1110" s="8">
        <v>1849</v>
      </c>
      <c r="E1110" s="3" t="s">
        <v>230</v>
      </c>
      <c r="F1110" s="6" t="s">
        <v>1277</v>
      </c>
      <c r="G1110" s="3" t="s">
        <v>16</v>
      </c>
      <c r="H1110" s="3" t="s">
        <v>17</v>
      </c>
      <c r="I1110" s="3" t="s">
        <v>18</v>
      </c>
      <c r="J1110" s="3" t="s">
        <v>1278</v>
      </c>
      <c r="K1110" s="4">
        <v>43371</v>
      </c>
    </row>
    <row r="1111" spans="1:11" ht="60" x14ac:dyDescent="0.25">
      <c r="A1111" s="6" t="s">
        <v>1310</v>
      </c>
      <c r="B1111" s="8" t="s">
        <v>12</v>
      </c>
      <c r="C1111" s="8" t="s">
        <v>13</v>
      </c>
      <c r="D1111" s="8">
        <v>1852</v>
      </c>
      <c r="E1111" s="3" t="s">
        <v>1311</v>
      </c>
      <c r="F1111" s="6" t="s">
        <v>1312</v>
      </c>
      <c r="G1111" s="3" t="s">
        <v>16</v>
      </c>
      <c r="H1111" s="3" t="s">
        <v>17</v>
      </c>
      <c r="I1111" s="3" t="s">
        <v>18</v>
      </c>
      <c r="J1111" s="3" t="s">
        <v>13</v>
      </c>
      <c r="K1111" s="4">
        <v>43371</v>
      </c>
    </row>
    <row r="1112" spans="1:11" ht="120" x14ac:dyDescent="0.25">
      <c r="A1112" s="6" t="s">
        <v>1338</v>
      </c>
      <c r="B1112" s="8" t="s">
        <v>12</v>
      </c>
      <c r="C1112" s="8" t="s">
        <v>13</v>
      </c>
      <c r="D1112" s="8">
        <v>1881</v>
      </c>
      <c r="E1112" s="3" t="s">
        <v>1339</v>
      </c>
      <c r="F1112" s="6" t="s">
        <v>1340</v>
      </c>
      <c r="G1112" s="3" t="s">
        <v>16</v>
      </c>
      <c r="H1112" s="3" t="s">
        <v>17</v>
      </c>
      <c r="I1112" s="3" t="s">
        <v>18</v>
      </c>
      <c r="J1112" s="3" t="s">
        <v>1341</v>
      </c>
      <c r="K1112" s="4">
        <v>43371</v>
      </c>
    </row>
    <row r="1113" spans="1:11" ht="30" x14ac:dyDescent="0.25">
      <c r="A1113" s="6" t="s">
        <v>1403</v>
      </c>
      <c r="B1113" s="8" t="s">
        <v>12</v>
      </c>
      <c r="C1113" s="8">
        <v>1849</v>
      </c>
      <c r="D1113" s="8">
        <v>1849</v>
      </c>
      <c r="E1113" s="3" t="s">
        <v>277</v>
      </c>
      <c r="F1113" s="6" t="s">
        <v>1404</v>
      </c>
      <c r="G1113" s="3" t="s">
        <v>16</v>
      </c>
      <c r="H1113" s="3" t="s">
        <v>17</v>
      </c>
      <c r="I1113" s="3" t="s">
        <v>18</v>
      </c>
      <c r="J1113" s="3" t="s">
        <v>1405</v>
      </c>
      <c r="K1113" s="4">
        <v>43371</v>
      </c>
    </row>
    <row r="1114" spans="1:11" ht="45" x14ac:dyDescent="0.25">
      <c r="A1114" s="6" t="s">
        <v>1415</v>
      </c>
      <c r="B1114" s="8" t="s">
        <v>12</v>
      </c>
      <c r="C1114" s="8">
        <v>1917</v>
      </c>
      <c r="D1114" s="8">
        <v>1917</v>
      </c>
      <c r="E1114" s="3" t="s">
        <v>461</v>
      </c>
      <c r="F1114" s="6" t="s">
        <v>1416</v>
      </c>
      <c r="G1114" s="3" t="s">
        <v>16</v>
      </c>
      <c r="H1114" s="3" t="s">
        <v>17</v>
      </c>
      <c r="I1114" s="3" t="s">
        <v>18</v>
      </c>
      <c r="J1114" s="3" t="s">
        <v>1417</v>
      </c>
      <c r="K1114" s="4">
        <v>43371</v>
      </c>
    </row>
    <row r="1115" spans="1:11" x14ac:dyDescent="0.25">
      <c r="A1115" s="6" t="s">
        <v>1480</v>
      </c>
      <c r="B1115" s="8" t="s">
        <v>12</v>
      </c>
      <c r="C1115" s="8" t="s">
        <v>1481</v>
      </c>
      <c r="D1115" s="8">
        <v>1723</v>
      </c>
      <c r="E1115" s="3" t="s">
        <v>13</v>
      </c>
      <c r="F1115" s="6" t="s">
        <v>1482</v>
      </c>
      <c r="G1115" s="3" t="s">
        <v>16</v>
      </c>
      <c r="H1115" s="3" t="s">
        <v>17</v>
      </c>
      <c r="I1115" s="3" t="s">
        <v>13</v>
      </c>
      <c r="J1115" s="3" t="s">
        <v>1483</v>
      </c>
      <c r="K1115" s="4">
        <v>43371</v>
      </c>
    </row>
    <row r="1116" spans="1:11" ht="30" x14ac:dyDescent="0.25">
      <c r="A1116" s="6" t="s">
        <v>1484</v>
      </c>
      <c r="B1116" s="8" t="s">
        <v>12</v>
      </c>
      <c r="C1116" s="8">
        <v>1719</v>
      </c>
      <c r="D1116" s="8">
        <v>1719</v>
      </c>
      <c r="E1116" s="3" t="s">
        <v>1485</v>
      </c>
      <c r="F1116" s="6" t="s">
        <v>1486</v>
      </c>
      <c r="G1116" s="3" t="s">
        <v>16</v>
      </c>
      <c r="H1116" s="3" t="s">
        <v>17</v>
      </c>
      <c r="I1116" s="3" t="s">
        <v>18</v>
      </c>
      <c r="J1116" s="3"/>
      <c r="K1116" s="4">
        <v>43371</v>
      </c>
    </row>
    <row r="1117" spans="1:11" ht="30" x14ac:dyDescent="0.25">
      <c r="A1117" s="6" t="s">
        <v>1512</v>
      </c>
      <c r="B1117" s="8" t="s">
        <v>12</v>
      </c>
      <c r="C1117" s="8" t="s">
        <v>1513</v>
      </c>
      <c r="D1117" s="8">
        <v>1850</v>
      </c>
      <c r="E1117" s="3" t="s">
        <v>980</v>
      </c>
      <c r="F1117" s="6" t="s">
        <v>1514</v>
      </c>
      <c r="G1117" s="3" t="s">
        <v>16</v>
      </c>
      <c r="H1117" s="3" t="s">
        <v>17</v>
      </c>
      <c r="I1117" s="3" t="s">
        <v>250</v>
      </c>
      <c r="J1117" s="3" t="s">
        <v>13</v>
      </c>
      <c r="K1117" s="4">
        <v>43371</v>
      </c>
    </row>
    <row r="1118" spans="1:11" ht="120" x14ac:dyDescent="0.25">
      <c r="A1118" s="6" t="s">
        <v>1525</v>
      </c>
      <c r="B1118" s="8" t="s">
        <v>12</v>
      </c>
      <c r="C1118" s="8" t="s">
        <v>13</v>
      </c>
      <c r="D1118" s="8">
        <v>1815</v>
      </c>
      <c r="E1118" s="3" t="s">
        <v>1526</v>
      </c>
      <c r="F1118" s="6" t="s">
        <v>1527</v>
      </c>
      <c r="G1118" s="3" t="s">
        <v>16</v>
      </c>
      <c r="H1118" s="3" t="s">
        <v>17</v>
      </c>
      <c r="I1118" s="3" t="s">
        <v>1528</v>
      </c>
      <c r="J1118" s="3" t="s">
        <v>1529</v>
      </c>
      <c r="K1118" s="4">
        <v>43371</v>
      </c>
    </row>
    <row r="1119" spans="1:11" ht="45" x14ac:dyDescent="0.25">
      <c r="A1119" s="6" t="s">
        <v>1604</v>
      </c>
      <c r="B1119" s="8" t="s">
        <v>12</v>
      </c>
      <c r="C1119" s="8">
        <v>1883</v>
      </c>
      <c r="D1119" s="8">
        <v>1883</v>
      </c>
      <c r="E1119" s="3" t="s">
        <v>13</v>
      </c>
      <c r="F1119" s="6" t="s">
        <v>1605</v>
      </c>
      <c r="G1119" s="3" t="s">
        <v>16</v>
      </c>
      <c r="H1119" s="3" t="s">
        <v>17</v>
      </c>
      <c r="I1119" s="3" t="s">
        <v>13</v>
      </c>
      <c r="J1119" s="3" t="s">
        <v>13</v>
      </c>
      <c r="K1119" s="4">
        <v>43371</v>
      </c>
    </row>
    <row r="1120" spans="1:11" x14ac:dyDescent="0.25">
      <c r="A1120" s="6" t="s">
        <v>1645</v>
      </c>
      <c r="B1120" s="8" t="s">
        <v>12</v>
      </c>
      <c r="C1120" s="8" t="s">
        <v>1326</v>
      </c>
      <c r="D1120" s="8">
        <v>1745</v>
      </c>
      <c r="E1120" s="3" t="s">
        <v>13</v>
      </c>
      <c r="F1120" s="6" t="s">
        <v>1646</v>
      </c>
      <c r="G1120" s="3" t="s">
        <v>16</v>
      </c>
      <c r="H1120" s="3" t="s">
        <v>17</v>
      </c>
      <c r="I1120" s="3" t="s">
        <v>13</v>
      </c>
      <c r="J1120" s="3" t="s">
        <v>1647</v>
      </c>
      <c r="K1120" s="4">
        <v>43371</v>
      </c>
    </row>
    <row r="1121" spans="1:11" x14ac:dyDescent="0.25">
      <c r="A1121" s="6" t="s">
        <v>1667</v>
      </c>
      <c r="B1121" s="8" t="s">
        <v>12</v>
      </c>
      <c r="C1121" s="8">
        <v>1721</v>
      </c>
      <c r="D1121" s="8">
        <v>1721</v>
      </c>
      <c r="E1121" s="3" t="s">
        <v>1668</v>
      </c>
      <c r="F1121" s="6" t="s">
        <v>1669</v>
      </c>
      <c r="G1121" s="3" t="s">
        <v>16</v>
      </c>
      <c r="H1121" s="3" t="s">
        <v>17</v>
      </c>
      <c r="I1121" s="3" t="s">
        <v>18</v>
      </c>
      <c r="J1121" s="3" t="s">
        <v>1670</v>
      </c>
      <c r="K1121" s="4">
        <v>43371</v>
      </c>
    </row>
    <row r="1122" spans="1:11" ht="45" x14ac:dyDescent="0.25">
      <c r="A1122" s="6" t="s">
        <v>1719</v>
      </c>
      <c r="B1122" s="8" t="s">
        <v>12</v>
      </c>
      <c r="C1122" s="8">
        <v>1846</v>
      </c>
      <c r="D1122" s="8">
        <v>1846</v>
      </c>
      <c r="E1122" s="3" t="s">
        <v>1720</v>
      </c>
      <c r="F1122" s="6" t="s">
        <v>1721</v>
      </c>
      <c r="G1122" s="3" t="s">
        <v>16</v>
      </c>
      <c r="H1122" s="3" t="s">
        <v>244</v>
      </c>
      <c r="I1122" s="3" t="s">
        <v>1722</v>
      </c>
      <c r="J1122" s="3" t="s">
        <v>1723</v>
      </c>
      <c r="K1122" s="4">
        <v>43371</v>
      </c>
    </row>
    <row r="1123" spans="1:11" ht="120" x14ac:dyDescent="0.25">
      <c r="A1123" s="6" t="s">
        <v>1725</v>
      </c>
      <c r="B1123" s="8" t="s">
        <v>12</v>
      </c>
      <c r="C1123" s="8" t="s">
        <v>1726</v>
      </c>
      <c r="D1123" s="8" t="s">
        <v>1726</v>
      </c>
      <c r="E1123" s="3" t="s">
        <v>1727</v>
      </c>
      <c r="F1123" s="6" t="s">
        <v>1728</v>
      </c>
      <c r="G1123" s="3" t="s">
        <v>16</v>
      </c>
      <c r="H1123" s="3" t="s">
        <v>17</v>
      </c>
      <c r="I1123" s="3" t="s">
        <v>18</v>
      </c>
      <c r="J1123" s="3" t="s">
        <v>1405</v>
      </c>
      <c r="K1123" s="4">
        <v>43371</v>
      </c>
    </row>
    <row r="1124" spans="1:11" ht="60" x14ac:dyDescent="0.25">
      <c r="A1124" s="6" t="s">
        <v>1746</v>
      </c>
      <c r="B1124" s="8" t="s">
        <v>12</v>
      </c>
      <c r="C1124" s="8" t="s">
        <v>1280</v>
      </c>
      <c r="D1124" s="8">
        <v>1846</v>
      </c>
      <c r="E1124" s="3" t="s">
        <v>1567</v>
      </c>
      <c r="F1124" s="6" t="s">
        <v>1747</v>
      </c>
      <c r="G1124" s="3" t="s">
        <v>16</v>
      </c>
      <c r="H1124" s="3" t="s">
        <v>17</v>
      </c>
      <c r="I1124" s="3" t="s">
        <v>18</v>
      </c>
      <c r="J1124" s="3" t="s">
        <v>1748</v>
      </c>
      <c r="K1124" s="4">
        <v>43371</v>
      </c>
    </row>
    <row r="1125" spans="1:11" ht="45" x14ac:dyDescent="0.25">
      <c r="A1125" s="6" t="s">
        <v>1757</v>
      </c>
      <c r="B1125" s="8" t="s">
        <v>12</v>
      </c>
      <c r="C1125" s="8" t="s">
        <v>13</v>
      </c>
      <c r="D1125" s="8">
        <v>1910</v>
      </c>
      <c r="E1125" s="3" t="s">
        <v>13</v>
      </c>
      <c r="F1125" s="6" t="s">
        <v>1758</v>
      </c>
      <c r="G1125" s="3" t="s">
        <v>16</v>
      </c>
      <c r="H1125" s="3" t="s">
        <v>17</v>
      </c>
      <c r="I1125" s="3" t="s">
        <v>13</v>
      </c>
      <c r="J1125" s="3" t="s">
        <v>1759</v>
      </c>
      <c r="K1125" s="4">
        <v>43371</v>
      </c>
    </row>
    <row r="1126" spans="1:11" ht="120" x14ac:dyDescent="0.25">
      <c r="A1126" s="6" t="s">
        <v>1772</v>
      </c>
      <c r="B1126" s="8" t="s">
        <v>12</v>
      </c>
      <c r="C1126" s="8">
        <v>1841</v>
      </c>
      <c r="D1126" s="8">
        <v>1841</v>
      </c>
      <c r="E1126" s="3" t="s">
        <v>1773</v>
      </c>
      <c r="F1126" s="6" t="s">
        <v>1774</v>
      </c>
      <c r="G1126" s="3" t="s">
        <v>16</v>
      </c>
      <c r="H1126" s="3" t="s">
        <v>17</v>
      </c>
      <c r="I1126" s="3" t="s">
        <v>18</v>
      </c>
      <c r="J1126" s="3" t="s">
        <v>710</v>
      </c>
      <c r="K1126" s="4">
        <v>43371</v>
      </c>
    </row>
    <row r="1127" spans="1:11" ht="195" x14ac:dyDescent="0.25">
      <c r="A1127" s="6" t="s">
        <v>1804</v>
      </c>
      <c r="B1127" s="8" t="s">
        <v>12</v>
      </c>
      <c r="C1127" s="8" t="s">
        <v>1805</v>
      </c>
      <c r="D1127" s="8" t="s">
        <v>1806</v>
      </c>
      <c r="E1127" s="3" t="s">
        <v>1807</v>
      </c>
      <c r="F1127" s="6" t="s">
        <v>1808</v>
      </c>
      <c r="G1127" s="3" t="s">
        <v>16</v>
      </c>
      <c r="H1127" s="3" t="s">
        <v>17</v>
      </c>
      <c r="I1127" s="3" t="s">
        <v>250</v>
      </c>
      <c r="J1127" s="3" t="s">
        <v>1809</v>
      </c>
      <c r="K1127" s="4">
        <v>43371</v>
      </c>
    </row>
    <row r="1128" spans="1:11" ht="30" x14ac:dyDescent="0.25">
      <c r="A1128" s="6" t="s">
        <v>1822</v>
      </c>
      <c r="B1128" s="8" t="s">
        <v>12</v>
      </c>
      <c r="C1128" s="8" t="s">
        <v>13</v>
      </c>
      <c r="D1128" s="8">
        <v>1850</v>
      </c>
      <c r="E1128" s="3" t="s">
        <v>13</v>
      </c>
      <c r="F1128" s="6" t="s">
        <v>1823</v>
      </c>
      <c r="G1128" s="3" t="s">
        <v>16</v>
      </c>
      <c r="H1128" s="3" t="s">
        <v>17</v>
      </c>
      <c r="I1128" s="3" t="s">
        <v>13</v>
      </c>
      <c r="J1128" s="3" t="s">
        <v>13</v>
      </c>
      <c r="K1128" s="4">
        <v>43371</v>
      </c>
    </row>
    <row r="1129" spans="1:11" x14ac:dyDescent="0.25">
      <c r="A1129" s="6" t="s">
        <v>1888</v>
      </c>
      <c r="B1129" s="8" t="s">
        <v>12</v>
      </c>
      <c r="C1129" s="8" t="s">
        <v>13</v>
      </c>
      <c r="D1129" s="8">
        <v>1852</v>
      </c>
      <c r="E1129" s="3" t="s">
        <v>13</v>
      </c>
      <c r="F1129" s="6" t="s">
        <v>1889</v>
      </c>
      <c r="G1129" s="3" t="s">
        <v>16</v>
      </c>
      <c r="H1129" s="3" t="s">
        <v>17</v>
      </c>
      <c r="I1129" s="3" t="s">
        <v>18</v>
      </c>
      <c r="J1129" s="3" t="s">
        <v>1890</v>
      </c>
      <c r="K1129" s="4">
        <v>43371</v>
      </c>
    </row>
    <row r="1130" spans="1:11" ht="60" x14ac:dyDescent="0.25">
      <c r="A1130" s="6" t="s">
        <v>1961</v>
      </c>
      <c r="B1130" s="8" t="s">
        <v>12</v>
      </c>
      <c r="C1130" s="8">
        <v>1854</v>
      </c>
      <c r="D1130" s="8">
        <v>1854</v>
      </c>
      <c r="E1130" s="3" t="s">
        <v>1962</v>
      </c>
      <c r="F1130" s="6" t="s">
        <v>1963</v>
      </c>
      <c r="G1130" s="3" t="s">
        <v>16</v>
      </c>
      <c r="H1130" s="3" t="s">
        <v>17</v>
      </c>
      <c r="I1130" s="3" t="s">
        <v>1964</v>
      </c>
      <c r="J1130" s="3" t="s">
        <v>1965</v>
      </c>
      <c r="K1130" s="4">
        <v>43371</v>
      </c>
    </row>
    <row r="1131" spans="1:11" ht="60" x14ac:dyDescent="0.25">
      <c r="A1131" s="6" t="s">
        <v>1966</v>
      </c>
      <c r="B1131" s="8" t="s">
        <v>12</v>
      </c>
      <c r="C1131" s="8">
        <v>1856</v>
      </c>
      <c r="D1131" s="8">
        <v>1856</v>
      </c>
      <c r="E1131" s="3" t="s">
        <v>13</v>
      </c>
      <c r="F1131" s="6" t="s">
        <v>1967</v>
      </c>
      <c r="G1131" s="3" t="s">
        <v>16</v>
      </c>
      <c r="H1131" s="3" t="s">
        <v>17</v>
      </c>
      <c r="I1131" s="3" t="s">
        <v>542</v>
      </c>
      <c r="J1131" s="3" t="s">
        <v>710</v>
      </c>
      <c r="K1131" s="4">
        <v>43371</v>
      </c>
    </row>
    <row r="1132" spans="1:11" ht="195" x14ac:dyDescent="0.25">
      <c r="A1132" s="6" t="s">
        <v>2032</v>
      </c>
      <c r="B1132" s="8" t="s">
        <v>12</v>
      </c>
      <c r="C1132" s="8" t="s">
        <v>13</v>
      </c>
      <c r="D1132" s="8">
        <v>1800</v>
      </c>
      <c r="E1132" s="3" t="s">
        <v>13</v>
      </c>
      <c r="F1132" s="6" t="s">
        <v>2033</v>
      </c>
      <c r="G1132" s="3" t="s">
        <v>16</v>
      </c>
      <c r="H1132" s="3" t="s">
        <v>17</v>
      </c>
      <c r="I1132" s="3" t="s">
        <v>13</v>
      </c>
      <c r="J1132" s="3" t="s">
        <v>2034</v>
      </c>
      <c r="K1132" s="4">
        <v>43371</v>
      </c>
    </row>
    <row r="1133" spans="1:11" ht="285" x14ac:dyDescent="0.25">
      <c r="A1133" s="6" t="s">
        <v>2039</v>
      </c>
      <c r="B1133" s="8" t="s">
        <v>12</v>
      </c>
      <c r="C1133" s="8">
        <v>1561</v>
      </c>
      <c r="D1133" s="8">
        <v>1561</v>
      </c>
      <c r="E1133" s="3" t="s">
        <v>2040</v>
      </c>
      <c r="F1133" s="6" t="s">
        <v>2041</v>
      </c>
      <c r="G1133" s="3" t="s">
        <v>16</v>
      </c>
      <c r="H1133" s="3" t="s">
        <v>302</v>
      </c>
      <c r="I1133" s="3" t="s">
        <v>171</v>
      </c>
      <c r="J1133" s="3" t="s">
        <v>221</v>
      </c>
      <c r="K1133" s="4">
        <v>43371</v>
      </c>
    </row>
    <row r="1134" spans="1:11" ht="30" x14ac:dyDescent="0.25">
      <c r="A1134" s="6" t="s">
        <v>2114</v>
      </c>
      <c r="B1134" s="8" t="s">
        <v>12</v>
      </c>
      <c r="C1134" s="8">
        <v>1915</v>
      </c>
      <c r="D1134" s="8">
        <v>1915</v>
      </c>
      <c r="E1134" s="3" t="s">
        <v>13</v>
      </c>
      <c r="F1134" s="6" t="s">
        <v>2115</v>
      </c>
      <c r="G1134" s="3" t="s">
        <v>16</v>
      </c>
      <c r="H1134" s="3" t="s">
        <v>17</v>
      </c>
      <c r="I1134" s="3" t="s">
        <v>13</v>
      </c>
      <c r="J1134" s="3" t="s">
        <v>2116</v>
      </c>
      <c r="K1134" s="4">
        <v>43371</v>
      </c>
    </row>
    <row r="1135" spans="1:11" ht="75" x14ac:dyDescent="0.25">
      <c r="A1135" s="6" t="s">
        <v>2121</v>
      </c>
      <c r="B1135" s="8" t="s">
        <v>12</v>
      </c>
      <c r="C1135" s="8">
        <v>1922</v>
      </c>
      <c r="D1135" s="8">
        <v>1922</v>
      </c>
      <c r="E1135" s="3" t="s">
        <v>2122</v>
      </c>
      <c r="F1135" s="6" t="s">
        <v>2123</v>
      </c>
      <c r="G1135" s="3" t="s">
        <v>16</v>
      </c>
      <c r="H1135" s="3" t="s">
        <v>17</v>
      </c>
      <c r="I1135" s="3" t="s">
        <v>2124</v>
      </c>
      <c r="J1135" s="3" t="s">
        <v>2125</v>
      </c>
      <c r="K1135" s="4">
        <v>43371</v>
      </c>
    </row>
    <row r="1136" spans="1:11" ht="30" x14ac:dyDescent="0.25">
      <c r="A1136" s="6" t="s">
        <v>2126</v>
      </c>
      <c r="B1136" s="8" t="s">
        <v>12</v>
      </c>
      <c r="C1136" s="8" t="s">
        <v>1276</v>
      </c>
      <c r="D1136" s="8">
        <v>1849</v>
      </c>
      <c r="E1136" s="3" t="s">
        <v>230</v>
      </c>
      <c r="F1136" s="6" t="s">
        <v>2127</v>
      </c>
      <c r="G1136" s="3" t="s">
        <v>16</v>
      </c>
      <c r="H1136" s="3" t="s">
        <v>17</v>
      </c>
      <c r="I1136" s="3" t="s">
        <v>18</v>
      </c>
      <c r="J1136" s="3" t="s">
        <v>1890</v>
      </c>
      <c r="K1136" s="4">
        <v>43371</v>
      </c>
    </row>
    <row r="1137" spans="1:11" ht="30" x14ac:dyDescent="0.25">
      <c r="A1137" s="6" t="s">
        <v>2132</v>
      </c>
      <c r="B1137" s="8" t="s">
        <v>12</v>
      </c>
      <c r="C1137" s="8">
        <v>1719</v>
      </c>
      <c r="D1137" s="8">
        <v>1719</v>
      </c>
      <c r="E1137" s="3" t="s">
        <v>2133</v>
      </c>
      <c r="F1137" s="6" t="s">
        <v>2134</v>
      </c>
      <c r="G1137" s="3" t="s">
        <v>16</v>
      </c>
      <c r="H1137" s="3" t="s">
        <v>17</v>
      </c>
      <c r="I1137" s="3" t="s">
        <v>18</v>
      </c>
      <c r="J1137" s="3" t="s">
        <v>2135</v>
      </c>
      <c r="K1137" s="4">
        <v>43371</v>
      </c>
    </row>
    <row r="1138" spans="1:11" x14ac:dyDescent="0.25">
      <c r="A1138" s="6" t="s">
        <v>2195</v>
      </c>
      <c r="B1138" s="8" t="s">
        <v>12</v>
      </c>
      <c r="C1138" s="8">
        <v>1772</v>
      </c>
      <c r="D1138" s="8">
        <v>1772</v>
      </c>
      <c r="E1138" s="3" t="s">
        <v>13</v>
      </c>
      <c r="F1138" s="6" t="s">
        <v>2196</v>
      </c>
      <c r="G1138" s="3" t="s">
        <v>16</v>
      </c>
      <c r="H1138" s="3" t="s">
        <v>17</v>
      </c>
      <c r="I1138" s="3" t="s">
        <v>13</v>
      </c>
      <c r="J1138" s="3" t="s">
        <v>13</v>
      </c>
      <c r="K1138" s="4">
        <v>43371</v>
      </c>
    </row>
    <row r="1139" spans="1:11" ht="45" x14ac:dyDescent="0.25">
      <c r="A1139" s="6" t="s">
        <v>2200</v>
      </c>
      <c r="B1139" s="8" t="s">
        <v>12</v>
      </c>
      <c r="C1139" s="8" t="s">
        <v>13</v>
      </c>
      <c r="D1139" s="8">
        <v>1849</v>
      </c>
      <c r="E1139" s="3" t="s">
        <v>13</v>
      </c>
      <c r="F1139" s="6" t="s">
        <v>2201</v>
      </c>
      <c r="G1139" s="3" t="s">
        <v>16</v>
      </c>
      <c r="H1139" s="3" t="s">
        <v>17</v>
      </c>
      <c r="I1139" s="3" t="s">
        <v>13</v>
      </c>
      <c r="J1139" s="3" t="s">
        <v>2202</v>
      </c>
      <c r="K1139" s="4">
        <v>43371</v>
      </c>
    </row>
    <row r="1140" spans="1:11" x14ac:dyDescent="0.25">
      <c r="A1140" s="6" t="s">
        <v>2214</v>
      </c>
      <c r="B1140" s="8" t="s">
        <v>12</v>
      </c>
      <c r="C1140" s="8">
        <v>1820</v>
      </c>
      <c r="D1140" s="8">
        <v>1820</v>
      </c>
      <c r="E1140" s="3" t="s">
        <v>2215</v>
      </c>
      <c r="F1140" s="6" t="s">
        <v>2216</v>
      </c>
      <c r="G1140" s="3" t="s">
        <v>16</v>
      </c>
      <c r="H1140" s="3" t="s">
        <v>17</v>
      </c>
      <c r="I1140" s="3" t="s">
        <v>2217</v>
      </c>
      <c r="J1140" s="3" t="s">
        <v>13</v>
      </c>
      <c r="K1140" s="4">
        <v>43371</v>
      </c>
    </row>
    <row r="1141" spans="1:11" ht="60" x14ac:dyDescent="0.25">
      <c r="A1141" s="6" t="s">
        <v>2254</v>
      </c>
      <c r="B1141" s="8" t="s">
        <v>12</v>
      </c>
      <c r="C1141" s="8">
        <v>1916</v>
      </c>
      <c r="D1141" s="8">
        <v>1916</v>
      </c>
      <c r="E1141" s="3" t="s">
        <v>2255</v>
      </c>
      <c r="F1141" s="6" t="s">
        <v>2256</v>
      </c>
      <c r="G1141" s="3" t="s">
        <v>16</v>
      </c>
      <c r="H1141" s="3" t="s">
        <v>17</v>
      </c>
      <c r="I1141" s="3" t="s">
        <v>138</v>
      </c>
      <c r="J1141" s="3" t="s">
        <v>2257</v>
      </c>
      <c r="K1141" s="4">
        <v>43371</v>
      </c>
    </row>
    <row r="1142" spans="1:11" ht="105" x14ac:dyDescent="0.25">
      <c r="A1142" s="6" t="s">
        <v>2315</v>
      </c>
      <c r="B1142" s="8" t="s">
        <v>12</v>
      </c>
      <c r="C1142" s="8" t="s">
        <v>2316</v>
      </c>
      <c r="D1142" s="8" t="s">
        <v>2317</v>
      </c>
      <c r="E1142" s="3" t="s">
        <v>13</v>
      </c>
      <c r="F1142" s="6" t="s">
        <v>2318</v>
      </c>
      <c r="G1142" s="3" t="s">
        <v>16</v>
      </c>
      <c r="H1142" s="3" t="s">
        <v>17</v>
      </c>
      <c r="I1142" s="3" t="s">
        <v>13</v>
      </c>
      <c r="J1142" s="3" t="s">
        <v>2319</v>
      </c>
      <c r="K1142" s="4">
        <v>43371</v>
      </c>
    </row>
    <row r="1143" spans="1:11" x14ac:dyDescent="0.25">
      <c r="A1143" s="6" t="s">
        <v>2370</v>
      </c>
      <c r="B1143" s="8" t="s">
        <v>12</v>
      </c>
      <c r="C1143" s="8">
        <v>1853</v>
      </c>
      <c r="D1143" s="8">
        <v>1853</v>
      </c>
      <c r="E1143" s="3" t="s">
        <v>2371</v>
      </c>
      <c r="F1143" s="6" t="s">
        <v>2372</v>
      </c>
      <c r="G1143" s="3" t="s">
        <v>16</v>
      </c>
      <c r="H1143" s="3" t="s">
        <v>17</v>
      </c>
      <c r="I1143" s="3" t="s">
        <v>18</v>
      </c>
      <c r="J1143" s="3" t="s">
        <v>1324</v>
      </c>
      <c r="K1143" s="4">
        <v>43371</v>
      </c>
    </row>
    <row r="1144" spans="1:11" ht="105" x14ac:dyDescent="0.25">
      <c r="A1144" s="6" t="s">
        <v>2421</v>
      </c>
      <c r="B1144" s="8" t="s">
        <v>12</v>
      </c>
      <c r="C1144" s="8" t="s">
        <v>2422</v>
      </c>
      <c r="D1144" s="8">
        <v>1847</v>
      </c>
      <c r="E1144" s="3" t="s">
        <v>980</v>
      </c>
      <c r="F1144" s="6" t="s">
        <v>2423</v>
      </c>
      <c r="G1144" s="3" t="s">
        <v>16</v>
      </c>
      <c r="H1144" s="3" t="s">
        <v>17</v>
      </c>
      <c r="I1144" s="3" t="s">
        <v>250</v>
      </c>
      <c r="J1144" s="3" t="s">
        <v>2424</v>
      </c>
      <c r="K1144" s="4">
        <v>43371</v>
      </c>
    </row>
    <row r="1145" spans="1:11" ht="135" x14ac:dyDescent="0.25">
      <c r="A1145" s="6" t="s">
        <v>2486</v>
      </c>
      <c r="B1145" s="8" t="s">
        <v>12</v>
      </c>
      <c r="C1145" s="8">
        <v>1900</v>
      </c>
      <c r="D1145" s="8">
        <v>1900</v>
      </c>
      <c r="E1145" s="3" t="s">
        <v>102</v>
      </c>
      <c r="F1145" s="6" t="s">
        <v>2487</v>
      </c>
      <c r="G1145" s="3" t="s">
        <v>16</v>
      </c>
      <c r="H1145" s="3" t="s">
        <v>17</v>
      </c>
      <c r="I1145" s="3" t="s">
        <v>18</v>
      </c>
      <c r="J1145" s="3" t="s">
        <v>2488</v>
      </c>
      <c r="K1145" s="4">
        <v>43371</v>
      </c>
    </row>
    <row r="1146" spans="1:11" ht="45" x14ac:dyDescent="0.25">
      <c r="A1146" s="6" t="s">
        <v>2540</v>
      </c>
      <c r="B1146" s="8" t="s">
        <v>12</v>
      </c>
      <c r="C1146" s="8">
        <v>1820</v>
      </c>
      <c r="D1146" s="8">
        <v>1820</v>
      </c>
      <c r="E1146" s="3" t="s">
        <v>2259</v>
      </c>
      <c r="F1146" s="6" t="s">
        <v>2541</v>
      </c>
      <c r="G1146" s="3" t="s">
        <v>16</v>
      </c>
      <c r="H1146" s="3" t="s">
        <v>17</v>
      </c>
      <c r="I1146" s="3" t="s">
        <v>250</v>
      </c>
      <c r="J1146" s="3" t="s">
        <v>2261</v>
      </c>
      <c r="K1146" s="4">
        <v>43371</v>
      </c>
    </row>
    <row r="1147" spans="1:11" x14ac:dyDescent="0.25">
      <c r="A1147" s="6" t="s">
        <v>2548</v>
      </c>
      <c r="B1147" s="8" t="s">
        <v>12</v>
      </c>
      <c r="C1147" s="8" t="s">
        <v>13</v>
      </c>
      <c r="D1147" s="8">
        <v>1850</v>
      </c>
      <c r="E1147" s="3" t="s">
        <v>13</v>
      </c>
      <c r="F1147" s="6" t="s">
        <v>2549</v>
      </c>
      <c r="G1147" s="3" t="s">
        <v>16</v>
      </c>
      <c r="H1147" s="3" t="s">
        <v>17</v>
      </c>
      <c r="I1147" s="3" t="s">
        <v>18</v>
      </c>
      <c r="J1147" s="3" t="s">
        <v>710</v>
      </c>
      <c r="K1147" s="4">
        <v>43371</v>
      </c>
    </row>
    <row r="1148" spans="1:11" ht="120" x14ac:dyDescent="0.25">
      <c r="A1148" s="6" t="s">
        <v>2574</v>
      </c>
      <c r="B1148" s="8" t="s">
        <v>12</v>
      </c>
      <c r="C1148" s="8" t="s">
        <v>2575</v>
      </c>
      <c r="D1148" s="8">
        <v>1685</v>
      </c>
      <c r="E1148" s="3" t="s">
        <v>2576</v>
      </c>
      <c r="F1148" s="6" t="s">
        <v>2577</v>
      </c>
      <c r="G1148" s="3" t="s">
        <v>16</v>
      </c>
      <c r="H1148" s="3" t="s">
        <v>17</v>
      </c>
      <c r="I1148" s="3" t="s">
        <v>18</v>
      </c>
      <c r="J1148" s="3" t="s">
        <v>2578</v>
      </c>
      <c r="K1148" s="4">
        <v>43371</v>
      </c>
    </row>
    <row r="1149" spans="1:11" ht="30" x14ac:dyDescent="0.25">
      <c r="A1149" s="6" t="s">
        <v>2579</v>
      </c>
      <c r="B1149" s="8" t="s">
        <v>12</v>
      </c>
      <c r="C1149" s="8" t="s">
        <v>2580</v>
      </c>
      <c r="D1149" s="8" t="s">
        <v>2580</v>
      </c>
      <c r="E1149" s="3" t="s">
        <v>2581</v>
      </c>
      <c r="F1149" s="6" t="s">
        <v>2582</v>
      </c>
      <c r="G1149" s="3" t="s">
        <v>16</v>
      </c>
      <c r="H1149" s="3" t="s">
        <v>17</v>
      </c>
      <c r="I1149" s="3" t="s">
        <v>18</v>
      </c>
      <c r="J1149" s="3" t="s">
        <v>1479</v>
      </c>
      <c r="K1149" s="4">
        <v>43371</v>
      </c>
    </row>
    <row r="1150" spans="1:11" ht="60" x14ac:dyDescent="0.25">
      <c r="A1150" s="6" t="s">
        <v>2603</v>
      </c>
      <c r="B1150" s="8" t="s">
        <v>12</v>
      </c>
      <c r="C1150" s="8" t="s">
        <v>2604</v>
      </c>
      <c r="D1150" s="8" t="s">
        <v>2605</v>
      </c>
      <c r="E1150" s="3" t="s">
        <v>13</v>
      </c>
      <c r="F1150" s="6" t="s">
        <v>2606</v>
      </c>
      <c r="G1150" s="3" t="s">
        <v>16</v>
      </c>
      <c r="H1150" s="3" t="s">
        <v>17</v>
      </c>
      <c r="I1150" s="3" t="s">
        <v>138</v>
      </c>
      <c r="J1150" s="3" t="s">
        <v>2607</v>
      </c>
      <c r="K1150" s="4">
        <v>43371</v>
      </c>
    </row>
    <row r="1151" spans="1:11" ht="180" x14ac:dyDescent="0.25">
      <c r="A1151" s="6" t="s">
        <v>2608</v>
      </c>
      <c r="B1151" s="8" t="s">
        <v>12</v>
      </c>
      <c r="C1151" s="8" t="s">
        <v>13</v>
      </c>
      <c r="D1151" s="8">
        <v>1811</v>
      </c>
      <c r="E1151" s="3" t="s">
        <v>2609</v>
      </c>
      <c r="F1151" s="6" t="s">
        <v>2610</v>
      </c>
      <c r="G1151" s="3" t="s">
        <v>16</v>
      </c>
      <c r="H1151" s="3" t="s">
        <v>17</v>
      </c>
      <c r="I1151" s="3" t="s">
        <v>13</v>
      </c>
      <c r="J1151" s="3" t="s">
        <v>13</v>
      </c>
      <c r="K1151" s="4">
        <v>43371</v>
      </c>
    </row>
    <row r="1152" spans="1:11" ht="150" x14ac:dyDescent="0.25">
      <c r="A1152" s="6" t="s">
        <v>2624</v>
      </c>
      <c r="B1152" s="8" t="s">
        <v>12</v>
      </c>
      <c r="C1152" s="8">
        <v>1884</v>
      </c>
      <c r="D1152" s="8">
        <v>1884</v>
      </c>
      <c r="E1152" s="3" t="s">
        <v>324</v>
      </c>
      <c r="F1152" s="6" t="s">
        <v>2625</v>
      </c>
      <c r="G1152" s="3" t="s">
        <v>16</v>
      </c>
      <c r="H1152" s="3" t="s">
        <v>30</v>
      </c>
      <c r="I1152" s="3" t="s">
        <v>18</v>
      </c>
      <c r="J1152" s="3" t="s">
        <v>13</v>
      </c>
      <c r="K1152" s="4">
        <v>43371</v>
      </c>
    </row>
    <row r="1153" spans="1:11" ht="195" x14ac:dyDescent="0.25">
      <c r="A1153" s="6" t="s">
        <v>2630</v>
      </c>
      <c r="B1153" s="8" t="s">
        <v>12</v>
      </c>
      <c r="C1153" s="8" t="s">
        <v>13</v>
      </c>
      <c r="D1153" s="8">
        <v>1900</v>
      </c>
      <c r="E1153" s="3" t="s">
        <v>13</v>
      </c>
      <c r="F1153" s="6" t="s">
        <v>2631</v>
      </c>
      <c r="G1153" s="3" t="s">
        <v>16</v>
      </c>
      <c r="H1153" s="3" t="s">
        <v>17</v>
      </c>
      <c r="I1153" s="3" t="s">
        <v>13</v>
      </c>
      <c r="J1153" s="3" t="s">
        <v>2632</v>
      </c>
      <c r="K1153" s="4">
        <v>43371</v>
      </c>
    </row>
    <row r="1154" spans="1:11" ht="60" x14ac:dyDescent="0.25">
      <c r="A1154" s="6" t="s">
        <v>2649</v>
      </c>
      <c r="B1154" s="8" t="s">
        <v>12</v>
      </c>
      <c r="C1154" s="8" t="s">
        <v>2650</v>
      </c>
      <c r="D1154" s="8" t="s">
        <v>2651</v>
      </c>
      <c r="E1154" s="3" t="s">
        <v>13</v>
      </c>
      <c r="F1154" s="6" t="s">
        <v>2652</v>
      </c>
      <c r="G1154" s="3" t="s">
        <v>16</v>
      </c>
      <c r="H1154" s="3" t="s">
        <v>17</v>
      </c>
      <c r="I1154" s="3" t="s">
        <v>18</v>
      </c>
      <c r="J1154" s="3" t="s">
        <v>2653</v>
      </c>
      <c r="K1154" s="4">
        <v>43371</v>
      </c>
    </row>
    <row r="1155" spans="1:11" ht="45" x14ac:dyDescent="0.25">
      <c r="A1155" s="6" t="s">
        <v>2671</v>
      </c>
      <c r="B1155" s="8" t="s">
        <v>12</v>
      </c>
      <c r="C1155" s="8" t="s">
        <v>2672</v>
      </c>
      <c r="D1155" s="8" t="s">
        <v>2672</v>
      </c>
      <c r="E1155" s="3" t="s">
        <v>13</v>
      </c>
      <c r="F1155" s="6" t="s">
        <v>2673</v>
      </c>
      <c r="G1155" s="3" t="s">
        <v>16</v>
      </c>
      <c r="H1155" s="3" t="s">
        <v>17</v>
      </c>
      <c r="I1155" s="3" t="s">
        <v>13</v>
      </c>
      <c r="J1155" s="3" t="s">
        <v>2674</v>
      </c>
      <c r="K1155" s="4">
        <v>43371</v>
      </c>
    </row>
    <row r="1156" spans="1:11" ht="45" x14ac:dyDescent="0.25">
      <c r="A1156" s="6" t="s">
        <v>2703</v>
      </c>
      <c r="B1156" s="8" t="s">
        <v>12</v>
      </c>
      <c r="C1156" s="8">
        <v>1820</v>
      </c>
      <c r="D1156" s="8">
        <v>1820</v>
      </c>
      <c r="E1156" s="3" t="s">
        <v>2704</v>
      </c>
      <c r="F1156" s="6" t="s">
        <v>2705</v>
      </c>
      <c r="G1156" s="3" t="s">
        <v>16</v>
      </c>
      <c r="H1156" s="3" t="s">
        <v>17</v>
      </c>
      <c r="I1156" s="3" t="s">
        <v>2706</v>
      </c>
      <c r="J1156" s="3" t="s">
        <v>2707</v>
      </c>
      <c r="K1156" s="4">
        <v>43371</v>
      </c>
    </row>
    <row r="1157" spans="1:11" ht="30" x14ac:dyDescent="0.25">
      <c r="A1157" s="6" t="s">
        <v>2765</v>
      </c>
      <c r="B1157" s="8" t="s">
        <v>12</v>
      </c>
      <c r="C1157" s="8" t="s">
        <v>2766</v>
      </c>
      <c r="D1157" s="8">
        <v>1753</v>
      </c>
      <c r="E1157" s="3" t="s">
        <v>2767</v>
      </c>
      <c r="F1157" s="6" t="s">
        <v>2768</v>
      </c>
      <c r="G1157" s="3" t="s">
        <v>16</v>
      </c>
      <c r="H1157" s="3" t="s">
        <v>17</v>
      </c>
      <c r="I1157" s="3" t="s">
        <v>18</v>
      </c>
      <c r="J1157" s="3" t="s">
        <v>13</v>
      </c>
      <c r="K1157" s="4">
        <v>43371</v>
      </c>
    </row>
    <row r="1158" spans="1:11" ht="255" x14ac:dyDescent="0.25">
      <c r="A1158" s="6" t="s">
        <v>2773</v>
      </c>
      <c r="B1158" s="8" t="s">
        <v>12</v>
      </c>
      <c r="C1158" s="8" t="s">
        <v>2774</v>
      </c>
      <c r="D1158" s="8" t="s">
        <v>2774</v>
      </c>
      <c r="E1158" s="3" t="s">
        <v>13</v>
      </c>
      <c r="F1158" s="6" t="s">
        <v>2775</v>
      </c>
      <c r="G1158" s="3" t="s">
        <v>16</v>
      </c>
      <c r="H1158" s="3" t="s">
        <v>17</v>
      </c>
      <c r="I1158" s="3" t="s">
        <v>491</v>
      </c>
      <c r="J1158" s="3" t="s">
        <v>2776</v>
      </c>
      <c r="K1158" s="4">
        <v>43371</v>
      </c>
    </row>
    <row r="1159" spans="1:11" ht="45" x14ac:dyDescent="0.25">
      <c r="A1159" s="6" t="s">
        <v>2790</v>
      </c>
      <c r="B1159" s="8" t="s">
        <v>12</v>
      </c>
      <c r="C1159" s="8" t="s">
        <v>2791</v>
      </c>
      <c r="D1159" s="8">
        <v>1919</v>
      </c>
      <c r="E1159" s="3" t="s">
        <v>2792</v>
      </c>
      <c r="F1159" s="6" t="s">
        <v>2793</v>
      </c>
      <c r="G1159" s="3" t="s">
        <v>16</v>
      </c>
      <c r="H1159" s="3" t="s">
        <v>17</v>
      </c>
      <c r="I1159" s="3" t="s">
        <v>18</v>
      </c>
      <c r="J1159" s="3" t="s">
        <v>13</v>
      </c>
      <c r="K1159" s="4">
        <v>43371</v>
      </c>
    </row>
    <row r="1160" spans="1:11" x14ac:dyDescent="0.25">
      <c r="A1160" s="6" t="s">
        <v>2794</v>
      </c>
      <c r="B1160" s="8" t="s">
        <v>12</v>
      </c>
      <c r="C1160" s="8">
        <v>1891</v>
      </c>
      <c r="D1160" s="8">
        <v>1891</v>
      </c>
      <c r="E1160" s="3" t="s">
        <v>557</v>
      </c>
      <c r="F1160" s="6" t="s">
        <v>2795</v>
      </c>
      <c r="G1160" s="3" t="s">
        <v>16</v>
      </c>
      <c r="H1160" s="3" t="s">
        <v>17</v>
      </c>
      <c r="I1160" s="3" t="s">
        <v>18</v>
      </c>
      <c r="J1160" s="3" t="s">
        <v>2796</v>
      </c>
      <c r="K1160" s="4">
        <v>43371</v>
      </c>
    </row>
    <row r="1161" spans="1:11" ht="30" x14ac:dyDescent="0.25">
      <c r="A1161" s="6" t="s">
        <v>2870</v>
      </c>
      <c r="B1161" s="8" t="s">
        <v>12</v>
      </c>
      <c r="C1161" s="8">
        <v>1854</v>
      </c>
      <c r="D1161" s="8">
        <v>1854</v>
      </c>
      <c r="E1161" s="3" t="s">
        <v>2871</v>
      </c>
      <c r="F1161" s="6" t="s">
        <v>2872</v>
      </c>
      <c r="G1161" s="3" t="s">
        <v>16</v>
      </c>
      <c r="H1161" s="3" t="s">
        <v>17</v>
      </c>
      <c r="I1161" s="3" t="s">
        <v>18</v>
      </c>
      <c r="J1161" s="3" t="s">
        <v>13</v>
      </c>
      <c r="K1161" s="4">
        <v>43371</v>
      </c>
    </row>
    <row r="1162" spans="1:11" ht="45" x14ac:dyDescent="0.25">
      <c r="A1162" s="6" t="s">
        <v>2882</v>
      </c>
      <c r="B1162" s="8" t="s">
        <v>12</v>
      </c>
      <c r="C1162" s="8" t="s">
        <v>13</v>
      </c>
      <c r="D1162" s="8">
        <v>1847</v>
      </c>
      <c r="E1162" s="3" t="s">
        <v>2410</v>
      </c>
      <c r="F1162" s="6" t="s">
        <v>2883</v>
      </c>
      <c r="G1162" s="3" t="s">
        <v>16</v>
      </c>
      <c r="H1162" s="3" t="s">
        <v>302</v>
      </c>
      <c r="I1162" s="3" t="s">
        <v>18</v>
      </c>
      <c r="J1162" s="3" t="s">
        <v>2547</v>
      </c>
      <c r="K1162" s="4">
        <v>43371</v>
      </c>
    </row>
    <row r="1163" spans="1:11" ht="30" x14ac:dyDescent="0.25">
      <c r="A1163" s="6" t="s">
        <v>2884</v>
      </c>
      <c r="B1163" s="8" t="s">
        <v>12</v>
      </c>
      <c r="C1163" s="8" t="s">
        <v>13</v>
      </c>
      <c r="D1163" s="8">
        <v>1838</v>
      </c>
      <c r="E1163" s="3" t="s">
        <v>2885</v>
      </c>
      <c r="F1163" s="6" t="s">
        <v>2886</v>
      </c>
      <c r="G1163" s="3" t="s">
        <v>16</v>
      </c>
      <c r="H1163" s="3" t="s">
        <v>17</v>
      </c>
      <c r="I1163" s="3" t="s">
        <v>18</v>
      </c>
      <c r="J1163" s="3" t="s">
        <v>710</v>
      </c>
      <c r="K1163" s="4">
        <v>43371</v>
      </c>
    </row>
    <row r="1164" spans="1:11" ht="45" x14ac:dyDescent="0.25">
      <c r="A1164" s="6" t="s">
        <v>2918</v>
      </c>
      <c r="B1164" s="8" t="s">
        <v>12</v>
      </c>
      <c r="C1164" s="8" t="s">
        <v>13</v>
      </c>
      <c r="D1164" s="8">
        <v>1854</v>
      </c>
      <c r="E1164" s="3" t="s">
        <v>13</v>
      </c>
      <c r="F1164" s="6" t="s">
        <v>2919</v>
      </c>
      <c r="G1164" s="3" t="s">
        <v>16</v>
      </c>
      <c r="H1164" s="3" t="s">
        <v>244</v>
      </c>
      <c r="I1164" s="3" t="s">
        <v>1722</v>
      </c>
      <c r="J1164" s="3" t="s">
        <v>2920</v>
      </c>
      <c r="K1164" s="4">
        <v>43371</v>
      </c>
    </row>
    <row r="1165" spans="1:11" ht="135" x14ac:dyDescent="0.25">
      <c r="A1165" s="6" t="s">
        <v>2998</v>
      </c>
      <c r="B1165" s="8" t="s">
        <v>12</v>
      </c>
      <c r="C1165" s="8">
        <v>1923</v>
      </c>
      <c r="D1165" s="8">
        <v>1923</v>
      </c>
      <c r="E1165" s="3" t="s">
        <v>1209</v>
      </c>
      <c r="F1165" s="6" t="s">
        <v>2999</v>
      </c>
      <c r="G1165" s="3" t="s">
        <v>16</v>
      </c>
      <c r="H1165" s="3" t="s">
        <v>17</v>
      </c>
      <c r="I1165" s="3" t="s">
        <v>18</v>
      </c>
      <c r="J1165" s="3" t="s">
        <v>3000</v>
      </c>
      <c r="K1165" s="4">
        <v>43371</v>
      </c>
    </row>
    <row r="1166" spans="1:11" ht="75" x14ac:dyDescent="0.25">
      <c r="A1166" s="6" t="s">
        <v>3084</v>
      </c>
      <c r="B1166" s="8" t="s">
        <v>12</v>
      </c>
      <c r="C1166" s="8" t="s">
        <v>13</v>
      </c>
      <c r="D1166" s="8">
        <v>1854</v>
      </c>
      <c r="E1166" s="3" t="s">
        <v>3085</v>
      </c>
      <c r="F1166" s="6" t="s">
        <v>3086</v>
      </c>
      <c r="G1166" s="3" t="s">
        <v>16</v>
      </c>
      <c r="H1166" s="3" t="s">
        <v>17</v>
      </c>
      <c r="I1166" s="3" t="s">
        <v>250</v>
      </c>
      <c r="J1166" s="3" t="s">
        <v>3087</v>
      </c>
      <c r="K1166" s="4">
        <v>43371</v>
      </c>
    </row>
    <row r="1167" spans="1:11" ht="45" x14ac:dyDescent="0.25">
      <c r="A1167" s="6" t="s">
        <v>3107</v>
      </c>
      <c r="B1167" s="8" t="s">
        <v>12</v>
      </c>
      <c r="C1167" s="8" t="s">
        <v>13</v>
      </c>
      <c r="D1167" s="8">
        <v>1700</v>
      </c>
      <c r="E1167" s="3" t="s">
        <v>412</v>
      </c>
      <c r="F1167" s="6" t="s">
        <v>3108</v>
      </c>
      <c r="G1167" s="3" t="s">
        <v>16</v>
      </c>
      <c r="H1167" s="3" t="s">
        <v>17</v>
      </c>
      <c r="I1167" s="3" t="s">
        <v>18</v>
      </c>
      <c r="J1167" s="3" t="s">
        <v>3109</v>
      </c>
      <c r="K1167" s="4">
        <v>43371</v>
      </c>
    </row>
    <row r="1168" spans="1:11" ht="90" x14ac:dyDescent="0.25">
      <c r="A1168" s="6" t="s">
        <v>3128</v>
      </c>
      <c r="B1168" s="8" t="s">
        <v>12</v>
      </c>
      <c r="C1168" s="8" t="s">
        <v>13</v>
      </c>
      <c r="D1168" s="8">
        <v>1921</v>
      </c>
      <c r="E1168" s="3" t="s">
        <v>13</v>
      </c>
      <c r="F1168" s="6" t="s">
        <v>3129</v>
      </c>
      <c r="G1168" s="3" t="s">
        <v>16</v>
      </c>
      <c r="H1168" s="3" t="s">
        <v>170</v>
      </c>
      <c r="I1168" s="3" t="s">
        <v>13</v>
      </c>
      <c r="J1168" s="3" t="s">
        <v>3130</v>
      </c>
      <c r="K1168" s="4">
        <v>43371</v>
      </c>
    </row>
    <row r="1169" spans="1:11" ht="105" x14ac:dyDescent="0.25">
      <c r="A1169" s="6" t="s">
        <v>3174</v>
      </c>
      <c r="B1169" s="8" t="s">
        <v>12</v>
      </c>
      <c r="C1169" s="8">
        <v>1854</v>
      </c>
      <c r="D1169" s="8">
        <v>1854</v>
      </c>
      <c r="E1169" s="3" t="s">
        <v>3175</v>
      </c>
      <c r="F1169" s="6" t="s">
        <v>3176</v>
      </c>
      <c r="G1169" s="3" t="s">
        <v>16</v>
      </c>
      <c r="H1169" s="3" t="s">
        <v>1724</v>
      </c>
      <c r="I1169" s="3" t="s">
        <v>171</v>
      </c>
      <c r="J1169" s="3" t="s">
        <v>3177</v>
      </c>
      <c r="K1169" s="4">
        <v>43371</v>
      </c>
    </row>
    <row r="1170" spans="1:11" ht="180" x14ac:dyDescent="0.25">
      <c r="A1170" s="6" t="s">
        <v>1675</v>
      </c>
      <c r="B1170" s="8" t="s">
        <v>12</v>
      </c>
      <c r="C1170" s="8">
        <v>1885</v>
      </c>
      <c r="D1170" s="8">
        <v>1885</v>
      </c>
      <c r="E1170" s="3" t="s">
        <v>1676</v>
      </c>
      <c r="F1170" s="6" t="s">
        <v>3219</v>
      </c>
      <c r="G1170" s="3" t="s">
        <v>16</v>
      </c>
      <c r="H1170" s="3" t="s">
        <v>24</v>
      </c>
      <c r="I1170" s="3" t="s">
        <v>18</v>
      </c>
      <c r="J1170" s="3" t="s">
        <v>1341</v>
      </c>
      <c r="K1170" s="4">
        <v>43371</v>
      </c>
    </row>
    <row r="1171" spans="1:11" ht="45" x14ac:dyDescent="0.25">
      <c r="A1171" s="6" t="s">
        <v>3276</v>
      </c>
      <c r="B1171" s="8" t="s">
        <v>12</v>
      </c>
      <c r="C1171" s="8">
        <v>1852</v>
      </c>
      <c r="D1171" s="8">
        <v>1852</v>
      </c>
      <c r="E1171" s="3" t="s">
        <v>3277</v>
      </c>
      <c r="F1171" s="6" t="s">
        <v>3278</v>
      </c>
      <c r="G1171" s="3" t="s">
        <v>16</v>
      </c>
      <c r="H1171" s="3" t="s">
        <v>17</v>
      </c>
      <c r="I1171" s="3" t="s">
        <v>18</v>
      </c>
      <c r="J1171" s="3" t="s">
        <v>3279</v>
      </c>
      <c r="K1171" s="4">
        <v>43371</v>
      </c>
    </row>
    <row r="1172" spans="1:11" ht="60" x14ac:dyDescent="0.25">
      <c r="A1172" s="6" t="s">
        <v>3282</v>
      </c>
      <c r="B1172" s="8" t="s">
        <v>12</v>
      </c>
      <c r="C1172" s="8" t="s">
        <v>1276</v>
      </c>
      <c r="D1172" s="8">
        <v>1849</v>
      </c>
      <c r="E1172" s="3" t="s">
        <v>3283</v>
      </c>
      <c r="F1172" s="6" t="s">
        <v>3284</v>
      </c>
      <c r="G1172" s="3" t="s">
        <v>16</v>
      </c>
      <c r="H1172" s="3" t="s">
        <v>17</v>
      </c>
      <c r="I1172" s="3" t="s">
        <v>3285</v>
      </c>
      <c r="J1172" s="3" t="s">
        <v>3286</v>
      </c>
      <c r="K1172" s="4">
        <v>43371</v>
      </c>
    </row>
    <row r="1173" spans="1:11" ht="105" x14ac:dyDescent="0.25">
      <c r="A1173" s="6" t="s">
        <v>3315</v>
      </c>
      <c r="B1173" s="8" t="s">
        <v>12</v>
      </c>
      <c r="C1173" s="8">
        <v>1865</v>
      </c>
      <c r="D1173" s="8">
        <v>1865</v>
      </c>
      <c r="E1173" s="3" t="s">
        <v>111</v>
      </c>
      <c r="F1173" s="6" t="s">
        <v>3316</v>
      </c>
      <c r="G1173" s="3" t="s">
        <v>16</v>
      </c>
      <c r="H1173" s="3" t="s">
        <v>17</v>
      </c>
      <c r="I1173" s="3" t="s">
        <v>18</v>
      </c>
      <c r="J1173" s="3" t="s">
        <v>3317</v>
      </c>
      <c r="K1173" s="4">
        <v>43371</v>
      </c>
    </row>
    <row r="1174" spans="1:11" ht="60" x14ac:dyDescent="0.25">
      <c r="A1174" s="6" t="s">
        <v>3327</v>
      </c>
      <c r="B1174" s="8" t="s">
        <v>12</v>
      </c>
      <c r="C1174" s="8" t="s">
        <v>3328</v>
      </c>
      <c r="D1174" s="9">
        <v>2970</v>
      </c>
      <c r="E1174" s="3" t="s">
        <v>3329</v>
      </c>
      <c r="F1174" s="6" t="s">
        <v>3330</v>
      </c>
      <c r="G1174" s="3" t="s">
        <v>16</v>
      </c>
      <c r="H1174" s="3" t="s">
        <v>1724</v>
      </c>
      <c r="I1174" s="3" t="s">
        <v>18</v>
      </c>
      <c r="J1174" s="3" t="s">
        <v>3331</v>
      </c>
      <c r="K1174" s="4">
        <v>43371</v>
      </c>
    </row>
    <row r="1175" spans="1:11" ht="30" x14ac:dyDescent="0.25">
      <c r="A1175" s="6" t="s">
        <v>3364</v>
      </c>
      <c r="B1175" s="8" t="s">
        <v>12</v>
      </c>
      <c r="C1175" s="8" t="s">
        <v>3365</v>
      </c>
      <c r="D1175" s="8" t="s">
        <v>3366</v>
      </c>
      <c r="E1175" s="3" t="s">
        <v>13</v>
      </c>
      <c r="F1175" s="6" t="s">
        <v>3367</v>
      </c>
      <c r="G1175" s="3" t="s">
        <v>16</v>
      </c>
      <c r="H1175" s="3" t="s">
        <v>17</v>
      </c>
      <c r="I1175" s="3" t="s">
        <v>18</v>
      </c>
      <c r="J1175" s="3" t="s">
        <v>3368</v>
      </c>
      <c r="K1175" s="4">
        <v>43371</v>
      </c>
    </row>
    <row r="1176" spans="1:11" x14ac:dyDescent="0.25">
      <c r="A1176" s="6" t="s">
        <v>3415</v>
      </c>
      <c r="B1176" s="8" t="s">
        <v>12</v>
      </c>
      <c r="C1176" s="8" t="s">
        <v>3416</v>
      </c>
      <c r="D1176" s="8" t="s">
        <v>3417</v>
      </c>
      <c r="E1176" s="3" t="s">
        <v>3418</v>
      </c>
      <c r="F1176" s="6" t="s">
        <v>3419</v>
      </c>
      <c r="G1176" s="3" t="s">
        <v>16</v>
      </c>
      <c r="H1176" s="3" t="s">
        <v>17</v>
      </c>
      <c r="I1176" s="3" t="s">
        <v>13</v>
      </c>
      <c r="J1176" s="3" t="s">
        <v>3420</v>
      </c>
      <c r="K1176" s="4">
        <v>43371</v>
      </c>
    </row>
    <row r="1177" spans="1:11" ht="45" x14ac:dyDescent="0.25">
      <c r="A1177" s="6" t="s">
        <v>3497</v>
      </c>
      <c r="B1177" s="8" t="s">
        <v>12</v>
      </c>
      <c r="C1177" s="8" t="s">
        <v>13</v>
      </c>
      <c r="D1177" s="8">
        <v>1921</v>
      </c>
      <c r="E1177" s="3" t="s">
        <v>13</v>
      </c>
      <c r="F1177" s="6" t="s">
        <v>3498</v>
      </c>
      <c r="G1177" s="3" t="s">
        <v>16</v>
      </c>
      <c r="H1177" s="3" t="s">
        <v>170</v>
      </c>
      <c r="I1177" s="3" t="s">
        <v>25</v>
      </c>
      <c r="J1177" s="3" t="s">
        <v>3499</v>
      </c>
      <c r="K1177" s="4">
        <v>43371</v>
      </c>
    </row>
    <row r="1178" spans="1:11" ht="45" x14ac:dyDescent="0.25">
      <c r="A1178" s="6" t="s">
        <v>3505</v>
      </c>
      <c r="B1178" s="8" t="s">
        <v>12</v>
      </c>
      <c r="C1178" s="10">
        <v>26268</v>
      </c>
      <c r="D1178" s="8" t="s">
        <v>3506</v>
      </c>
      <c r="E1178" s="3" t="s">
        <v>3507</v>
      </c>
      <c r="F1178" s="6" t="s">
        <v>3508</v>
      </c>
      <c r="G1178" s="3" t="s">
        <v>16</v>
      </c>
      <c r="H1178" s="3" t="s">
        <v>17</v>
      </c>
      <c r="I1178" s="3" t="s">
        <v>3509</v>
      </c>
      <c r="J1178" s="3" t="s">
        <v>3510</v>
      </c>
      <c r="K1178" s="4">
        <v>43371</v>
      </c>
    </row>
    <row r="1179" spans="1:11" ht="135" x14ac:dyDescent="0.25">
      <c r="A1179" s="6" t="s">
        <v>3537</v>
      </c>
      <c r="B1179" s="8" t="s">
        <v>12</v>
      </c>
      <c r="C1179" s="8" t="s">
        <v>13</v>
      </c>
      <c r="D1179" s="8">
        <v>1825</v>
      </c>
      <c r="E1179" s="3" t="s">
        <v>3538</v>
      </c>
      <c r="F1179" s="6" t="s">
        <v>3539</v>
      </c>
      <c r="G1179" s="3" t="s">
        <v>16</v>
      </c>
      <c r="H1179" s="3" t="s">
        <v>17</v>
      </c>
      <c r="I1179" s="3" t="s">
        <v>18</v>
      </c>
      <c r="J1179" s="3" t="s">
        <v>3540</v>
      </c>
      <c r="K1179" s="4">
        <v>43371</v>
      </c>
    </row>
    <row r="1180" spans="1:11" ht="60" x14ac:dyDescent="0.25">
      <c r="A1180" s="6" t="s">
        <v>3553</v>
      </c>
      <c r="B1180" s="8" t="s">
        <v>12</v>
      </c>
      <c r="C1180" s="8">
        <v>1851</v>
      </c>
      <c r="D1180" s="8">
        <v>1851</v>
      </c>
      <c r="E1180" s="3" t="s">
        <v>1567</v>
      </c>
      <c r="F1180" s="6" t="s">
        <v>3554</v>
      </c>
      <c r="G1180" s="3" t="s">
        <v>16</v>
      </c>
      <c r="H1180" s="3" t="s">
        <v>17</v>
      </c>
      <c r="I1180" s="3" t="s">
        <v>18</v>
      </c>
      <c r="J1180" s="3" t="s">
        <v>710</v>
      </c>
      <c r="K1180" s="4">
        <v>43371</v>
      </c>
    </row>
    <row r="1181" spans="1:11" ht="150" x14ac:dyDescent="0.25">
      <c r="A1181" s="6" t="s">
        <v>3562</v>
      </c>
      <c r="B1181" s="8" t="s">
        <v>12</v>
      </c>
      <c r="C1181" s="8" t="s">
        <v>3563</v>
      </c>
      <c r="D1181" s="8">
        <v>1847</v>
      </c>
      <c r="E1181" s="3" t="s">
        <v>13</v>
      </c>
      <c r="F1181" s="6" t="s">
        <v>3564</v>
      </c>
      <c r="G1181" s="3" t="s">
        <v>16</v>
      </c>
      <c r="H1181" s="3" t="s">
        <v>17</v>
      </c>
      <c r="I1181" s="3" t="s">
        <v>13</v>
      </c>
      <c r="J1181" s="3" t="s">
        <v>3565</v>
      </c>
      <c r="K1181" s="4">
        <v>43371</v>
      </c>
    </row>
    <row r="1182" spans="1:11" ht="30" x14ac:dyDescent="0.25">
      <c r="A1182" s="6" t="s">
        <v>3566</v>
      </c>
      <c r="B1182" s="8" t="s">
        <v>12</v>
      </c>
      <c r="C1182" s="10">
        <v>6242</v>
      </c>
      <c r="D1182" s="8" t="s">
        <v>3567</v>
      </c>
      <c r="E1182" s="3" t="s">
        <v>13</v>
      </c>
      <c r="F1182" s="6" t="s">
        <v>3568</v>
      </c>
      <c r="G1182" s="3" t="s">
        <v>16</v>
      </c>
      <c r="H1182" s="3" t="s">
        <v>1724</v>
      </c>
      <c r="I1182" s="3" t="s">
        <v>13</v>
      </c>
      <c r="J1182" s="3" t="s">
        <v>986</v>
      </c>
      <c r="K1182" s="4">
        <v>43371</v>
      </c>
    </row>
    <row r="1183" spans="1:11" ht="165" x14ac:dyDescent="0.25">
      <c r="A1183" s="6" t="s">
        <v>3580</v>
      </c>
      <c r="B1183" s="8" t="s">
        <v>12</v>
      </c>
      <c r="C1183" s="8" t="s">
        <v>3581</v>
      </c>
      <c r="D1183" s="8" t="s">
        <v>3582</v>
      </c>
      <c r="E1183" s="3" t="s">
        <v>13</v>
      </c>
      <c r="F1183" s="6" t="s">
        <v>3583</v>
      </c>
      <c r="G1183" s="3" t="s">
        <v>16</v>
      </c>
      <c r="H1183" s="3" t="s">
        <v>17</v>
      </c>
      <c r="I1183" s="3" t="s">
        <v>13</v>
      </c>
      <c r="J1183" s="3" t="s">
        <v>3584</v>
      </c>
      <c r="K1183" s="4">
        <v>43371</v>
      </c>
    </row>
    <row r="1184" spans="1:11" ht="165" x14ac:dyDescent="0.25">
      <c r="A1184" s="6" t="s">
        <v>3588</v>
      </c>
      <c r="B1184" s="8" t="s">
        <v>12</v>
      </c>
      <c r="C1184" s="8">
        <v>1846</v>
      </c>
      <c r="D1184" s="8">
        <v>1846</v>
      </c>
      <c r="E1184" s="3" t="s">
        <v>3589</v>
      </c>
      <c r="F1184" s="6" t="s">
        <v>3590</v>
      </c>
      <c r="G1184" s="3" t="s">
        <v>16</v>
      </c>
      <c r="H1184" s="3" t="s">
        <v>17</v>
      </c>
      <c r="I1184" s="3" t="s">
        <v>18</v>
      </c>
      <c r="J1184" s="3" t="s">
        <v>3591</v>
      </c>
      <c r="K1184" s="4">
        <v>43371</v>
      </c>
    </row>
    <row r="1185" spans="1:11" ht="60" x14ac:dyDescent="0.25">
      <c r="A1185" s="6" t="s">
        <v>3617</v>
      </c>
      <c r="B1185" s="8" t="s">
        <v>12</v>
      </c>
      <c r="C1185" s="8" t="s">
        <v>3618</v>
      </c>
      <c r="D1185" s="8">
        <v>1842</v>
      </c>
      <c r="E1185" s="3" t="s">
        <v>3619</v>
      </c>
      <c r="F1185" s="6" t="s">
        <v>3620</v>
      </c>
      <c r="G1185" s="3" t="s">
        <v>16</v>
      </c>
      <c r="H1185" s="3" t="s">
        <v>17</v>
      </c>
      <c r="I1185" s="3" t="s">
        <v>18</v>
      </c>
      <c r="J1185" s="3" t="s">
        <v>3621</v>
      </c>
      <c r="K1185" s="4">
        <v>43371</v>
      </c>
    </row>
    <row r="1186" spans="1:11" ht="30" x14ac:dyDescent="0.25">
      <c r="A1186" s="6" t="s">
        <v>3633</v>
      </c>
      <c r="B1186" s="8" t="s">
        <v>12</v>
      </c>
      <c r="C1186" s="8" t="s">
        <v>3634</v>
      </c>
      <c r="D1186" s="8" t="s">
        <v>3635</v>
      </c>
      <c r="E1186" s="3" t="s">
        <v>107</v>
      </c>
      <c r="F1186" s="6" t="s">
        <v>3636</v>
      </c>
      <c r="G1186" s="3" t="s">
        <v>16</v>
      </c>
      <c r="H1186" s="3" t="s">
        <v>17</v>
      </c>
      <c r="I1186" s="3" t="s">
        <v>18</v>
      </c>
      <c r="J1186" s="3" t="s">
        <v>3637</v>
      </c>
      <c r="K1186" s="4">
        <v>43371</v>
      </c>
    </row>
    <row r="1187" spans="1:11" ht="45" x14ac:dyDescent="0.25">
      <c r="A1187" s="6" t="s">
        <v>3663</v>
      </c>
      <c r="B1187" s="8" t="s">
        <v>12</v>
      </c>
      <c r="C1187" s="8" t="s">
        <v>3664</v>
      </c>
      <c r="D1187" s="8" t="s">
        <v>3664</v>
      </c>
      <c r="E1187" s="3" t="s">
        <v>3665</v>
      </c>
      <c r="F1187" s="6" t="s">
        <v>3666</v>
      </c>
      <c r="G1187" s="3" t="s">
        <v>16</v>
      </c>
      <c r="H1187" s="3" t="s">
        <v>17</v>
      </c>
      <c r="I1187" s="3" t="s">
        <v>18</v>
      </c>
      <c r="J1187" s="3" t="s">
        <v>3667</v>
      </c>
      <c r="K1187" s="4">
        <v>43371</v>
      </c>
    </row>
    <row r="1188" spans="1:11" ht="75" x14ac:dyDescent="0.25">
      <c r="A1188" s="6" t="s">
        <v>3668</v>
      </c>
      <c r="B1188" s="8" t="s">
        <v>12</v>
      </c>
      <c r="C1188" s="8" t="s">
        <v>229</v>
      </c>
      <c r="D1188" s="8">
        <v>1855</v>
      </c>
      <c r="E1188" s="3" t="s">
        <v>230</v>
      </c>
      <c r="F1188" s="6" t="s">
        <v>3669</v>
      </c>
      <c r="G1188" s="3" t="s">
        <v>16</v>
      </c>
      <c r="H1188" s="3" t="s">
        <v>17</v>
      </c>
      <c r="I1188" s="3" t="s">
        <v>18</v>
      </c>
      <c r="J1188" s="3" t="s">
        <v>3670</v>
      </c>
      <c r="K1188" s="4">
        <v>43371</v>
      </c>
    </row>
    <row r="1189" spans="1:11" ht="60" x14ac:dyDescent="0.25">
      <c r="A1189" s="6" t="s">
        <v>3785</v>
      </c>
      <c r="B1189" s="8" t="s">
        <v>12</v>
      </c>
      <c r="C1189" s="8">
        <v>1911</v>
      </c>
      <c r="D1189" s="8">
        <v>1911</v>
      </c>
      <c r="E1189" s="3" t="s">
        <v>3786</v>
      </c>
      <c r="F1189" s="6" t="s">
        <v>3787</v>
      </c>
      <c r="G1189" s="3" t="s">
        <v>16</v>
      </c>
      <c r="H1189" s="3" t="s">
        <v>17</v>
      </c>
      <c r="I1189" s="3" t="s">
        <v>1573</v>
      </c>
      <c r="J1189" s="3" t="s">
        <v>3788</v>
      </c>
      <c r="K1189" s="4">
        <v>43371</v>
      </c>
    </row>
    <row r="1190" spans="1:11" ht="60" x14ac:dyDescent="0.25">
      <c r="A1190" s="6" t="s">
        <v>3797</v>
      </c>
      <c r="B1190" s="8" t="s">
        <v>12</v>
      </c>
      <c r="C1190" s="8" t="s">
        <v>3798</v>
      </c>
      <c r="D1190" s="8" t="s">
        <v>3798</v>
      </c>
      <c r="E1190" s="3" t="s">
        <v>13</v>
      </c>
      <c r="F1190" s="6" t="s">
        <v>3799</v>
      </c>
      <c r="G1190" s="3" t="s">
        <v>16</v>
      </c>
      <c r="H1190" s="3" t="s">
        <v>17</v>
      </c>
      <c r="I1190" s="3" t="s">
        <v>13</v>
      </c>
      <c r="J1190" s="3" t="s">
        <v>3800</v>
      </c>
      <c r="K1190" s="4">
        <v>43371</v>
      </c>
    </row>
    <row r="1191" spans="1:11" ht="60" x14ac:dyDescent="0.25">
      <c r="A1191" s="6" t="s">
        <v>3814</v>
      </c>
      <c r="B1191" s="8" t="s">
        <v>12</v>
      </c>
      <c r="C1191" s="8" t="s">
        <v>13</v>
      </c>
      <c r="D1191" s="8">
        <v>1850</v>
      </c>
      <c r="E1191" s="3" t="s">
        <v>3815</v>
      </c>
      <c r="F1191" s="6" t="s">
        <v>3816</v>
      </c>
      <c r="G1191" s="3" t="s">
        <v>16</v>
      </c>
      <c r="H1191" s="3" t="s">
        <v>17</v>
      </c>
      <c r="I1191" s="3" t="s">
        <v>18</v>
      </c>
      <c r="J1191" s="3" t="s">
        <v>710</v>
      </c>
      <c r="K1191" s="4">
        <v>43371</v>
      </c>
    </row>
    <row r="1192" spans="1:11" ht="30" x14ac:dyDescent="0.25">
      <c r="A1192" s="6" t="s">
        <v>3868</v>
      </c>
      <c r="B1192" s="8" t="s">
        <v>12</v>
      </c>
      <c r="C1192" s="8">
        <v>1848</v>
      </c>
      <c r="D1192" s="8">
        <v>1848</v>
      </c>
      <c r="E1192" s="3" t="s">
        <v>3869</v>
      </c>
      <c r="F1192" s="6" t="s">
        <v>3870</v>
      </c>
      <c r="G1192" s="3" t="s">
        <v>16</v>
      </c>
      <c r="H1192" s="3" t="s">
        <v>17</v>
      </c>
      <c r="I1192" s="3" t="s">
        <v>2124</v>
      </c>
      <c r="J1192" s="3" t="s">
        <v>3871</v>
      </c>
      <c r="K1192" s="4">
        <v>43371</v>
      </c>
    </row>
    <row r="1193" spans="1:11" ht="30" x14ac:dyDescent="0.25">
      <c r="A1193" s="6" t="s">
        <v>3889</v>
      </c>
      <c r="B1193" s="8" t="s">
        <v>12</v>
      </c>
      <c r="C1193" s="8" t="s">
        <v>3890</v>
      </c>
      <c r="D1193" s="8" t="s">
        <v>3891</v>
      </c>
      <c r="E1193" s="3" t="s">
        <v>3892</v>
      </c>
      <c r="F1193" s="6" t="s">
        <v>3893</v>
      </c>
      <c r="G1193" s="3" t="s">
        <v>16</v>
      </c>
      <c r="H1193" s="3" t="s">
        <v>17</v>
      </c>
      <c r="I1193" s="3" t="s">
        <v>250</v>
      </c>
      <c r="J1193" s="3" t="s">
        <v>3894</v>
      </c>
      <c r="K1193" s="4">
        <v>43371</v>
      </c>
    </row>
    <row r="1194" spans="1:11" ht="45" x14ac:dyDescent="0.25">
      <c r="A1194" s="6" t="s">
        <v>3910</v>
      </c>
      <c r="B1194" s="8" t="s">
        <v>12</v>
      </c>
      <c r="C1194" s="8" t="s">
        <v>13</v>
      </c>
      <c r="D1194" s="8">
        <v>1919</v>
      </c>
      <c r="E1194" s="3" t="s">
        <v>13</v>
      </c>
      <c r="F1194" s="6" t="s">
        <v>3911</v>
      </c>
      <c r="G1194" s="3" t="s">
        <v>16</v>
      </c>
      <c r="H1194" s="3" t="s">
        <v>17</v>
      </c>
      <c r="I1194" s="3" t="s">
        <v>3912</v>
      </c>
      <c r="J1194" s="3" t="s">
        <v>3913</v>
      </c>
      <c r="K1194" s="4">
        <v>43371</v>
      </c>
    </row>
    <row r="1195" spans="1:11" ht="180" x14ac:dyDescent="0.25">
      <c r="A1195" s="6" t="s">
        <v>3932</v>
      </c>
      <c r="B1195" s="8" t="s">
        <v>12</v>
      </c>
      <c r="C1195" s="8" t="s">
        <v>3933</v>
      </c>
      <c r="D1195" s="8" t="s">
        <v>3934</v>
      </c>
      <c r="E1195" s="3" t="s">
        <v>13</v>
      </c>
      <c r="F1195" s="6" t="s">
        <v>3935</v>
      </c>
      <c r="G1195" s="3" t="s">
        <v>16</v>
      </c>
      <c r="H1195" s="3" t="s">
        <v>17</v>
      </c>
      <c r="I1195" s="3" t="s">
        <v>18</v>
      </c>
      <c r="J1195" s="3" t="s">
        <v>1479</v>
      </c>
      <c r="K1195" s="4">
        <v>43371</v>
      </c>
    </row>
    <row r="1196" spans="1:11" ht="30" x14ac:dyDescent="0.25">
      <c r="A1196" s="6" t="s">
        <v>3936</v>
      </c>
      <c r="B1196" s="8" t="s">
        <v>12</v>
      </c>
      <c r="C1196" s="8">
        <v>1920</v>
      </c>
      <c r="D1196" s="8">
        <v>1920</v>
      </c>
      <c r="E1196" s="3" t="s">
        <v>3937</v>
      </c>
      <c r="F1196" s="6" t="s">
        <v>3938</v>
      </c>
      <c r="G1196" s="3" t="s">
        <v>16</v>
      </c>
      <c r="H1196" s="3" t="s">
        <v>17</v>
      </c>
      <c r="I1196" s="3" t="s">
        <v>18</v>
      </c>
      <c r="J1196" s="3" t="s">
        <v>3939</v>
      </c>
      <c r="K1196" s="4">
        <v>43371</v>
      </c>
    </row>
    <row r="1197" spans="1:11" ht="210" x14ac:dyDescent="0.25">
      <c r="A1197" s="6" t="s">
        <v>3997</v>
      </c>
      <c r="B1197" s="8" t="s">
        <v>12</v>
      </c>
      <c r="C1197" s="8" t="s">
        <v>3998</v>
      </c>
      <c r="D1197" s="8">
        <v>1845</v>
      </c>
      <c r="E1197" s="3" t="s">
        <v>13</v>
      </c>
      <c r="F1197" s="6" t="s">
        <v>3999</v>
      </c>
      <c r="G1197" s="3" t="s">
        <v>16</v>
      </c>
      <c r="H1197" s="3" t="s">
        <v>17</v>
      </c>
      <c r="I1197" s="3" t="s">
        <v>13</v>
      </c>
      <c r="J1197" s="3" t="s">
        <v>13</v>
      </c>
      <c r="K1197" s="4">
        <v>43371</v>
      </c>
    </row>
    <row r="1198" spans="1:11" ht="30" x14ac:dyDescent="0.25">
      <c r="A1198" s="6" t="s">
        <v>4043</v>
      </c>
      <c r="B1198" s="8" t="s">
        <v>12</v>
      </c>
      <c r="C1198" s="8">
        <v>1917</v>
      </c>
      <c r="D1198" s="8">
        <v>1917</v>
      </c>
      <c r="E1198" s="3" t="s">
        <v>4044</v>
      </c>
      <c r="F1198" s="6" t="s">
        <v>4045</v>
      </c>
      <c r="G1198" s="3" t="s">
        <v>16</v>
      </c>
      <c r="H1198" s="3" t="s">
        <v>17</v>
      </c>
      <c r="I1198" s="3" t="s">
        <v>18</v>
      </c>
      <c r="J1198" s="3" t="s">
        <v>4046</v>
      </c>
      <c r="K1198" s="4">
        <v>43371</v>
      </c>
    </row>
    <row r="1199" spans="1:11" ht="90" x14ac:dyDescent="0.25">
      <c r="A1199" s="6" t="s">
        <v>4064</v>
      </c>
      <c r="B1199" s="8" t="s">
        <v>12</v>
      </c>
      <c r="C1199" s="9">
        <v>938</v>
      </c>
      <c r="D1199" s="9">
        <v>938</v>
      </c>
      <c r="E1199" s="3" t="s">
        <v>4065</v>
      </c>
      <c r="F1199" s="6" t="s">
        <v>4066</v>
      </c>
      <c r="G1199" s="3" t="s">
        <v>16</v>
      </c>
      <c r="H1199" s="3" t="s">
        <v>17</v>
      </c>
      <c r="I1199" s="3" t="s">
        <v>1573</v>
      </c>
      <c r="J1199" s="3" t="s">
        <v>3788</v>
      </c>
      <c r="K1199" s="4">
        <v>43371</v>
      </c>
    </row>
    <row r="1200" spans="1:11" ht="45" x14ac:dyDescent="0.25">
      <c r="A1200" s="6" t="s">
        <v>4067</v>
      </c>
      <c r="B1200" s="8" t="s">
        <v>12</v>
      </c>
      <c r="C1200" s="8" t="s">
        <v>13</v>
      </c>
      <c r="D1200" s="8">
        <v>1839</v>
      </c>
      <c r="E1200" s="3" t="s">
        <v>2885</v>
      </c>
      <c r="F1200" s="6" t="s">
        <v>4068</v>
      </c>
      <c r="G1200" s="3" t="s">
        <v>16</v>
      </c>
      <c r="H1200" s="3" t="s">
        <v>17</v>
      </c>
      <c r="I1200" s="3" t="s">
        <v>18</v>
      </c>
      <c r="J1200" s="3" t="s">
        <v>710</v>
      </c>
      <c r="K1200" s="4">
        <v>43371</v>
      </c>
    </row>
    <row r="1201" spans="1:11" ht="135" x14ac:dyDescent="0.25">
      <c r="A1201" s="6" t="s">
        <v>4084</v>
      </c>
      <c r="B1201" s="8" t="s">
        <v>12</v>
      </c>
      <c r="C1201" s="8">
        <v>1835</v>
      </c>
      <c r="D1201" s="8">
        <v>1835</v>
      </c>
      <c r="E1201" s="3" t="s">
        <v>4085</v>
      </c>
      <c r="F1201" s="6" t="s">
        <v>4086</v>
      </c>
      <c r="G1201" s="3" t="s">
        <v>16</v>
      </c>
      <c r="H1201" s="3" t="s">
        <v>17</v>
      </c>
      <c r="I1201" s="3" t="s">
        <v>18</v>
      </c>
      <c r="J1201" s="3" t="s">
        <v>4087</v>
      </c>
      <c r="K1201" s="4">
        <v>43371</v>
      </c>
    </row>
    <row r="1202" spans="1:11" ht="45" x14ac:dyDescent="0.25">
      <c r="A1202" s="6" t="s">
        <v>4091</v>
      </c>
      <c r="B1202" s="8" t="s">
        <v>12</v>
      </c>
      <c r="C1202" s="8">
        <v>1813</v>
      </c>
      <c r="D1202" s="8">
        <v>1813</v>
      </c>
      <c r="E1202" s="3" t="s">
        <v>4092</v>
      </c>
      <c r="F1202" s="6" t="s">
        <v>4093</v>
      </c>
      <c r="G1202" s="3" t="s">
        <v>16</v>
      </c>
      <c r="H1202" s="3" t="s">
        <v>17</v>
      </c>
      <c r="I1202" s="3" t="s">
        <v>18</v>
      </c>
      <c r="J1202" s="3" t="s">
        <v>13</v>
      </c>
      <c r="K1202" s="4">
        <v>43371</v>
      </c>
    </row>
    <row r="1203" spans="1:11" ht="90" x14ac:dyDescent="0.25">
      <c r="A1203" s="6" t="s">
        <v>4110</v>
      </c>
      <c r="B1203" s="8" t="s">
        <v>12</v>
      </c>
      <c r="C1203" s="8">
        <v>1815</v>
      </c>
      <c r="D1203" s="8">
        <v>1815</v>
      </c>
      <c r="E1203" s="3" t="s">
        <v>1237</v>
      </c>
      <c r="F1203" s="6" t="s">
        <v>4111</v>
      </c>
      <c r="G1203" s="3" t="s">
        <v>16</v>
      </c>
      <c r="H1203" s="3" t="s">
        <v>17</v>
      </c>
      <c r="I1203" s="3" t="s">
        <v>18</v>
      </c>
      <c r="J1203" s="3" t="s">
        <v>4112</v>
      </c>
      <c r="K1203" s="4">
        <v>43371</v>
      </c>
    </row>
    <row r="1204" spans="1:11" ht="30" x14ac:dyDescent="0.25">
      <c r="A1204" s="6" t="s">
        <v>4132</v>
      </c>
      <c r="B1204" s="8" t="s">
        <v>12</v>
      </c>
      <c r="C1204" s="8" t="s">
        <v>13</v>
      </c>
      <c r="D1204" s="8">
        <v>1852</v>
      </c>
      <c r="E1204" s="3" t="s">
        <v>13</v>
      </c>
      <c r="F1204" s="6" t="s">
        <v>4133</v>
      </c>
      <c r="G1204" s="3" t="s">
        <v>16</v>
      </c>
      <c r="H1204" s="3" t="s">
        <v>244</v>
      </c>
      <c r="I1204" s="3" t="s">
        <v>13</v>
      </c>
      <c r="J1204" s="3" t="s">
        <v>4134</v>
      </c>
      <c r="K1204" s="4">
        <v>43371</v>
      </c>
    </row>
    <row r="1205" spans="1:11" ht="45" x14ac:dyDescent="0.25">
      <c r="A1205" s="6" t="s">
        <v>4173</v>
      </c>
      <c r="B1205" s="8" t="s">
        <v>12</v>
      </c>
      <c r="C1205" s="8" t="s">
        <v>13</v>
      </c>
      <c r="D1205" s="8">
        <v>1749</v>
      </c>
      <c r="E1205" s="3" t="s">
        <v>13</v>
      </c>
      <c r="F1205" s="6" t="s">
        <v>4174</v>
      </c>
      <c r="G1205" s="3" t="s">
        <v>16</v>
      </c>
      <c r="H1205" s="3" t="s">
        <v>17</v>
      </c>
      <c r="I1205" s="3" t="s">
        <v>13</v>
      </c>
      <c r="J1205" s="3" t="s">
        <v>4175</v>
      </c>
      <c r="K1205" s="4">
        <v>43371</v>
      </c>
    </row>
    <row r="1206" spans="1:11" ht="30" x14ac:dyDescent="0.25">
      <c r="A1206" s="6" t="s">
        <v>4182</v>
      </c>
      <c r="B1206" s="8" t="s">
        <v>12</v>
      </c>
      <c r="C1206" s="8" t="s">
        <v>261</v>
      </c>
      <c r="D1206" s="8">
        <v>1538</v>
      </c>
      <c r="E1206" s="3" t="s">
        <v>4183</v>
      </c>
      <c r="F1206" s="6" t="s">
        <v>4184</v>
      </c>
      <c r="G1206" s="3" t="s">
        <v>16</v>
      </c>
      <c r="H1206" s="3" t="s">
        <v>170</v>
      </c>
      <c r="I1206" s="3" t="s">
        <v>57</v>
      </c>
      <c r="J1206" s="3" t="s">
        <v>4185</v>
      </c>
      <c r="K1206" s="4">
        <v>43371</v>
      </c>
    </row>
    <row r="1207" spans="1:11" ht="45" x14ac:dyDescent="0.25">
      <c r="A1207" s="6" t="s">
        <v>4211</v>
      </c>
      <c r="B1207" s="8" t="s">
        <v>12</v>
      </c>
      <c r="C1207" s="8" t="s">
        <v>4212</v>
      </c>
      <c r="D1207" s="9">
        <v>326</v>
      </c>
      <c r="E1207" s="3" t="s">
        <v>461</v>
      </c>
      <c r="F1207" s="6" t="s">
        <v>4213</v>
      </c>
      <c r="G1207" s="3" t="s">
        <v>16</v>
      </c>
      <c r="H1207" s="3" t="s">
        <v>17</v>
      </c>
      <c r="I1207" s="3" t="s">
        <v>18</v>
      </c>
      <c r="J1207" s="3" t="s">
        <v>1846</v>
      </c>
      <c r="K1207" s="4">
        <v>43371</v>
      </c>
    </row>
    <row r="1208" spans="1:11" ht="45" x14ac:dyDescent="0.25">
      <c r="A1208" s="6" t="s">
        <v>4284</v>
      </c>
      <c r="B1208" s="8" t="s">
        <v>12</v>
      </c>
      <c r="C1208" s="8">
        <v>1670</v>
      </c>
      <c r="D1208" s="8">
        <v>1670</v>
      </c>
      <c r="E1208" s="3" t="s">
        <v>568</v>
      </c>
      <c r="F1208" s="6" t="s">
        <v>569</v>
      </c>
      <c r="G1208" s="3" t="s">
        <v>16</v>
      </c>
      <c r="H1208" s="3" t="s">
        <v>17</v>
      </c>
      <c r="I1208" s="3" t="s">
        <v>18</v>
      </c>
      <c r="J1208" s="3" t="s">
        <v>570</v>
      </c>
      <c r="K1208" s="4">
        <v>43371</v>
      </c>
    </row>
    <row r="1209" spans="1:11" ht="90" x14ac:dyDescent="0.25">
      <c r="A1209" s="6" t="s">
        <v>4317</v>
      </c>
      <c r="B1209" s="8" t="s">
        <v>12</v>
      </c>
      <c r="C1209" s="8" t="s">
        <v>13</v>
      </c>
      <c r="D1209" s="8">
        <v>1855</v>
      </c>
      <c r="E1209" s="3" t="s">
        <v>4318</v>
      </c>
      <c r="F1209" s="6" t="s">
        <v>4319</v>
      </c>
      <c r="G1209" s="3" t="s">
        <v>16</v>
      </c>
      <c r="H1209" s="3" t="s">
        <v>17</v>
      </c>
      <c r="I1209" s="3" t="s">
        <v>18</v>
      </c>
      <c r="J1209" s="3" t="s">
        <v>4320</v>
      </c>
      <c r="K1209" s="4">
        <v>43371</v>
      </c>
    </row>
    <row r="1210" spans="1:11" ht="60" x14ac:dyDescent="0.25">
      <c r="A1210" s="6" t="s">
        <v>4401</v>
      </c>
      <c r="B1210" s="8" t="s">
        <v>12</v>
      </c>
      <c r="C1210" s="9">
        <v>4802</v>
      </c>
      <c r="D1210" s="9">
        <v>4802</v>
      </c>
      <c r="E1210" s="3" t="s">
        <v>13</v>
      </c>
      <c r="F1210" s="6" t="s">
        <v>4402</v>
      </c>
      <c r="G1210" s="3" t="s">
        <v>16</v>
      </c>
      <c r="H1210" s="3" t="s">
        <v>17</v>
      </c>
      <c r="I1210" s="3" t="s">
        <v>85</v>
      </c>
      <c r="J1210" s="3" t="s">
        <v>4403</v>
      </c>
      <c r="K1210" s="4">
        <v>43371</v>
      </c>
    </row>
    <row r="1211" spans="1:11" ht="30" x14ac:dyDescent="0.25">
      <c r="A1211" s="6" t="s">
        <v>4411</v>
      </c>
      <c r="B1211" s="8" t="s">
        <v>12</v>
      </c>
      <c r="C1211" s="8">
        <v>1857</v>
      </c>
      <c r="D1211" s="8">
        <v>1857</v>
      </c>
      <c r="E1211" s="3" t="s">
        <v>4412</v>
      </c>
      <c r="F1211" s="6" t="s">
        <v>4413</v>
      </c>
      <c r="G1211" s="3" t="s">
        <v>16</v>
      </c>
      <c r="H1211" s="3" t="s">
        <v>170</v>
      </c>
      <c r="I1211" s="3" t="s">
        <v>4414</v>
      </c>
      <c r="J1211" s="3" t="s">
        <v>4415</v>
      </c>
      <c r="K1211" s="4">
        <v>43371</v>
      </c>
    </row>
    <row r="1212" spans="1:11" ht="120" x14ac:dyDescent="0.25">
      <c r="A1212" s="6" t="s">
        <v>4581</v>
      </c>
      <c r="B1212" s="8" t="s">
        <v>12</v>
      </c>
      <c r="C1212" s="8">
        <v>1704</v>
      </c>
      <c r="D1212" s="8">
        <v>1704</v>
      </c>
      <c r="E1212" s="3" t="s">
        <v>13</v>
      </c>
      <c r="F1212" s="6" t="s">
        <v>4582</v>
      </c>
      <c r="G1212" s="3" t="s">
        <v>16</v>
      </c>
      <c r="H1212" s="3" t="s">
        <v>17</v>
      </c>
      <c r="I1212" s="3" t="s">
        <v>18</v>
      </c>
      <c r="J1212" s="3" t="s">
        <v>4583</v>
      </c>
      <c r="K1212" s="4">
        <v>43371</v>
      </c>
    </row>
    <row r="1213" spans="1:11" ht="30" x14ac:dyDescent="0.25">
      <c r="A1213" s="6" t="s">
        <v>4584</v>
      </c>
      <c r="B1213" s="8" t="s">
        <v>12</v>
      </c>
      <c r="C1213" s="8">
        <v>1923</v>
      </c>
      <c r="D1213" s="8">
        <v>1923</v>
      </c>
      <c r="E1213" s="3" t="s">
        <v>4585</v>
      </c>
      <c r="F1213" s="6" t="s">
        <v>4586</v>
      </c>
      <c r="G1213" s="3" t="s">
        <v>16</v>
      </c>
      <c r="H1213" s="3" t="s">
        <v>17</v>
      </c>
      <c r="I1213" s="3" t="s">
        <v>542</v>
      </c>
      <c r="J1213" s="3" t="s">
        <v>4587</v>
      </c>
      <c r="K1213" s="4">
        <v>43371</v>
      </c>
    </row>
    <row r="1214" spans="1:11" x14ac:dyDescent="0.25">
      <c r="A1214" s="6" t="s">
        <v>4616</v>
      </c>
      <c r="B1214" s="8" t="s">
        <v>12</v>
      </c>
      <c r="C1214" s="8" t="s">
        <v>4617</v>
      </c>
      <c r="D1214" s="8">
        <v>1792</v>
      </c>
      <c r="E1214" s="3" t="s">
        <v>13</v>
      </c>
      <c r="F1214" s="6" t="s">
        <v>4618</v>
      </c>
      <c r="G1214" s="3" t="s">
        <v>16</v>
      </c>
      <c r="H1214" s="3" t="s">
        <v>17</v>
      </c>
      <c r="I1214" s="3" t="s">
        <v>18</v>
      </c>
      <c r="J1214" s="3" t="s">
        <v>4619</v>
      </c>
      <c r="K1214" s="4">
        <v>43371</v>
      </c>
    </row>
    <row r="1215" spans="1:11" x14ac:dyDescent="0.25">
      <c r="A1215" s="6" t="s">
        <v>4720</v>
      </c>
      <c r="B1215" s="8" t="s">
        <v>12</v>
      </c>
      <c r="C1215" s="8">
        <v>1850</v>
      </c>
      <c r="D1215" s="8">
        <v>1850</v>
      </c>
      <c r="E1215" s="3" t="s">
        <v>4721</v>
      </c>
      <c r="F1215" s="6" t="s">
        <v>4722</v>
      </c>
      <c r="G1215" s="3" t="s">
        <v>16</v>
      </c>
      <c r="H1215" s="3" t="s">
        <v>17</v>
      </c>
      <c r="I1215" s="3" t="s">
        <v>18</v>
      </c>
      <c r="J1215" s="3" t="s">
        <v>1479</v>
      </c>
      <c r="K1215" s="4">
        <v>43371</v>
      </c>
    </row>
    <row r="1216" spans="1:11" ht="120" x14ac:dyDescent="0.25">
      <c r="A1216" s="6" t="s">
        <v>4781</v>
      </c>
      <c r="B1216" s="8" t="s">
        <v>12</v>
      </c>
      <c r="C1216" s="8" t="s">
        <v>4782</v>
      </c>
      <c r="D1216" s="9">
        <v>6286</v>
      </c>
      <c r="E1216" s="3" t="s">
        <v>861</v>
      </c>
      <c r="F1216" s="6" t="s">
        <v>4783</v>
      </c>
      <c r="G1216" s="3" t="s">
        <v>16</v>
      </c>
      <c r="H1216" s="3" t="s">
        <v>17</v>
      </c>
      <c r="I1216" s="3" t="s">
        <v>18</v>
      </c>
      <c r="J1216" s="3" t="s">
        <v>4784</v>
      </c>
      <c r="K1216" s="4">
        <v>43371</v>
      </c>
    </row>
    <row r="1217" spans="1:11" ht="60" x14ac:dyDescent="0.25">
      <c r="A1217" s="6" t="s">
        <v>4808</v>
      </c>
      <c r="B1217" s="8" t="s">
        <v>12</v>
      </c>
      <c r="C1217" s="8" t="s">
        <v>4809</v>
      </c>
      <c r="D1217" s="8" t="s">
        <v>4810</v>
      </c>
      <c r="E1217" s="3" t="s">
        <v>13</v>
      </c>
      <c r="F1217" s="6" t="s">
        <v>4811</v>
      </c>
      <c r="G1217" s="3" t="s">
        <v>16</v>
      </c>
      <c r="H1217" s="3" t="s">
        <v>17</v>
      </c>
      <c r="I1217" s="3" t="s">
        <v>13</v>
      </c>
      <c r="J1217" s="3" t="s">
        <v>4812</v>
      </c>
      <c r="K1217" s="4">
        <v>43371</v>
      </c>
    </row>
    <row r="1218" spans="1:11" ht="45" x14ac:dyDescent="0.25">
      <c r="A1218" s="6" t="s">
        <v>4829</v>
      </c>
      <c r="B1218" s="8" t="s">
        <v>12</v>
      </c>
      <c r="C1218" s="8">
        <v>1820</v>
      </c>
      <c r="D1218" s="8">
        <v>1820</v>
      </c>
      <c r="E1218" s="3" t="s">
        <v>4830</v>
      </c>
      <c r="F1218" s="6" t="s">
        <v>4831</v>
      </c>
      <c r="G1218" s="3" t="s">
        <v>16</v>
      </c>
      <c r="H1218" s="3" t="s">
        <v>17</v>
      </c>
      <c r="I1218" s="3" t="s">
        <v>602</v>
      </c>
      <c r="J1218" s="3" t="s">
        <v>4832</v>
      </c>
      <c r="K1218" s="4">
        <v>43371</v>
      </c>
    </row>
    <row r="1219" spans="1:11" ht="45" x14ac:dyDescent="0.25">
      <c r="A1219" s="6" t="s">
        <v>4865</v>
      </c>
      <c r="B1219" s="8" t="s">
        <v>12</v>
      </c>
      <c r="C1219" s="8" t="s">
        <v>13</v>
      </c>
      <c r="D1219" s="8">
        <v>1855</v>
      </c>
      <c r="E1219" s="3" t="s">
        <v>4866</v>
      </c>
      <c r="F1219" s="6" t="s">
        <v>4867</v>
      </c>
      <c r="G1219" s="3" t="s">
        <v>16</v>
      </c>
      <c r="H1219" s="3" t="s">
        <v>17</v>
      </c>
      <c r="I1219" s="3" t="s">
        <v>13</v>
      </c>
      <c r="J1219" s="3" t="s">
        <v>4868</v>
      </c>
      <c r="K1219" s="4">
        <v>43371</v>
      </c>
    </row>
    <row r="1220" spans="1:11" ht="45" x14ac:dyDescent="0.25">
      <c r="A1220" s="6" t="s">
        <v>4869</v>
      </c>
      <c r="B1220" s="8" t="s">
        <v>12</v>
      </c>
      <c r="C1220" s="8">
        <v>1715</v>
      </c>
      <c r="D1220" s="8">
        <v>1715</v>
      </c>
      <c r="E1220" s="3" t="s">
        <v>4870</v>
      </c>
      <c r="F1220" s="6" t="s">
        <v>4871</v>
      </c>
      <c r="G1220" s="3" t="s">
        <v>16</v>
      </c>
      <c r="H1220" s="3" t="s">
        <v>17</v>
      </c>
      <c r="I1220" s="3" t="s">
        <v>18</v>
      </c>
      <c r="J1220" s="3" t="s">
        <v>4872</v>
      </c>
      <c r="K1220" s="4">
        <v>43371</v>
      </c>
    </row>
    <row r="1221" spans="1:11" x14ac:dyDescent="0.25">
      <c r="A1221" s="6" t="s">
        <v>4873</v>
      </c>
      <c r="B1221" s="8" t="s">
        <v>12</v>
      </c>
      <c r="C1221" s="8" t="s">
        <v>4874</v>
      </c>
      <c r="D1221" s="8" t="s">
        <v>4875</v>
      </c>
      <c r="E1221" s="3" t="s">
        <v>1237</v>
      </c>
      <c r="F1221" s="6" t="s">
        <v>4876</v>
      </c>
      <c r="G1221" s="3" t="s">
        <v>16</v>
      </c>
      <c r="H1221" s="3" t="s">
        <v>17</v>
      </c>
      <c r="I1221" s="3" t="s">
        <v>18</v>
      </c>
      <c r="J1221" s="3" t="s">
        <v>3279</v>
      </c>
      <c r="K1221" s="4">
        <v>43371</v>
      </c>
    </row>
    <row r="1222" spans="1:11" ht="60" x14ac:dyDescent="0.25">
      <c r="A1222" s="6" t="s">
        <v>4892</v>
      </c>
      <c r="B1222" s="8" t="s">
        <v>12</v>
      </c>
      <c r="C1222" s="8">
        <v>1908</v>
      </c>
      <c r="D1222" s="8">
        <v>1908</v>
      </c>
      <c r="E1222" s="3" t="s">
        <v>4893</v>
      </c>
      <c r="F1222" s="6" t="s">
        <v>4894</v>
      </c>
      <c r="G1222" s="3" t="s">
        <v>16</v>
      </c>
      <c r="H1222" s="3" t="s">
        <v>17</v>
      </c>
      <c r="I1222" s="3" t="s">
        <v>18</v>
      </c>
      <c r="J1222" s="3" t="s">
        <v>13</v>
      </c>
      <c r="K1222" s="4">
        <v>43371</v>
      </c>
    </row>
    <row r="1223" spans="1:11" ht="45" x14ac:dyDescent="0.25">
      <c r="A1223" s="6" t="s">
        <v>4924</v>
      </c>
      <c r="B1223" s="8" t="s">
        <v>12</v>
      </c>
      <c r="C1223" s="8" t="s">
        <v>3002</v>
      </c>
      <c r="D1223" s="8">
        <v>1759</v>
      </c>
      <c r="E1223" s="3" t="s">
        <v>1201</v>
      </c>
      <c r="F1223" s="6" t="s">
        <v>4925</v>
      </c>
      <c r="G1223" s="3" t="s">
        <v>16</v>
      </c>
      <c r="H1223" s="3" t="s">
        <v>17</v>
      </c>
      <c r="I1223" s="3" t="s">
        <v>18</v>
      </c>
      <c r="J1223" s="3" t="s">
        <v>4926</v>
      </c>
      <c r="K1223" s="4">
        <v>43371</v>
      </c>
    </row>
    <row r="1224" spans="1:11" ht="120" x14ac:dyDescent="0.25">
      <c r="A1224" s="6" t="s">
        <v>4963</v>
      </c>
      <c r="B1224" s="8" t="s">
        <v>12</v>
      </c>
      <c r="C1224" s="8" t="s">
        <v>13</v>
      </c>
      <c r="D1224" s="8">
        <v>1841</v>
      </c>
      <c r="E1224" s="3" t="s">
        <v>13</v>
      </c>
      <c r="F1224" s="6" t="s">
        <v>4964</v>
      </c>
      <c r="G1224" s="3" t="s">
        <v>16</v>
      </c>
      <c r="H1224" s="3" t="s">
        <v>17</v>
      </c>
      <c r="I1224" s="3" t="s">
        <v>18</v>
      </c>
      <c r="J1224" s="3" t="s">
        <v>710</v>
      </c>
      <c r="K1224" s="4">
        <v>43371</v>
      </c>
    </row>
    <row r="1225" spans="1:11" ht="135" x14ac:dyDescent="0.25">
      <c r="A1225" s="6" t="s">
        <v>5011</v>
      </c>
      <c r="B1225" s="8" t="s">
        <v>12</v>
      </c>
      <c r="C1225" s="8">
        <v>1831</v>
      </c>
      <c r="D1225" s="8">
        <v>1831</v>
      </c>
      <c r="E1225" s="3" t="s">
        <v>5012</v>
      </c>
      <c r="F1225" s="6" t="s">
        <v>5013</v>
      </c>
      <c r="G1225" s="3" t="s">
        <v>16</v>
      </c>
      <c r="H1225" s="3" t="s">
        <v>17</v>
      </c>
      <c r="I1225" s="3" t="s">
        <v>18</v>
      </c>
      <c r="J1225" s="3" t="s">
        <v>13</v>
      </c>
      <c r="K1225" s="4">
        <v>43371</v>
      </c>
    </row>
    <row r="1226" spans="1:11" ht="30" x14ac:dyDescent="0.25">
      <c r="A1226" s="6" t="s">
        <v>5085</v>
      </c>
      <c r="B1226" s="8" t="s">
        <v>12</v>
      </c>
      <c r="C1226" s="8" t="s">
        <v>13</v>
      </c>
      <c r="D1226" s="8">
        <v>1892</v>
      </c>
      <c r="E1226" s="3" t="s">
        <v>13</v>
      </c>
      <c r="F1226" s="6" t="s">
        <v>5086</v>
      </c>
      <c r="G1226" s="3" t="s">
        <v>16</v>
      </c>
      <c r="H1226" s="3" t="s">
        <v>17</v>
      </c>
      <c r="I1226" s="3" t="s">
        <v>13</v>
      </c>
      <c r="J1226" s="3" t="s">
        <v>5087</v>
      </c>
      <c r="K1226" s="4">
        <v>43371</v>
      </c>
    </row>
    <row r="1227" spans="1:11" ht="45" x14ac:dyDescent="0.25">
      <c r="A1227" s="6" t="s">
        <v>5107</v>
      </c>
      <c r="B1227" s="8" t="s">
        <v>12</v>
      </c>
      <c r="C1227" s="8" t="s">
        <v>13</v>
      </c>
      <c r="D1227" s="8">
        <v>1800</v>
      </c>
      <c r="E1227" s="3" t="s">
        <v>5108</v>
      </c>
      <c r="F1227" s="6" t="s">
        <v>5109</v>
      </c>
      <c r="G1227" s="3" t="s">
        <v>16</v>
      </c>
      <c r="H1227" s="3" t="s">
        <v>170</v>
      </c>
      <c r="I1227" s="3" t="s">
        <v>171</v>
      </c>
      <c r="J1227" s="3" t="s">
        <v>5110</v>
      </c>
      <c r="K1227" s="4">
        <v>43371</v>
      </c>
    </row>
    <row r="1228" spans="1:11" ht="60" x14ac:dyDescent="0.25">
      <c r="A1228" s="6" t="s">
        <v>5133</v>
      </c>
      <c r="B1228" s="8" t="s">
        <v>12</v>
      </c>
      <c r="C1228" s="8">
        <v>1906</v>
      </c>
      <c r="D1228" s="8">
        <v>1906</v>
      </c>
      <c r="E1228" s="3" t="s">
        <v>5134</v>
      </c>
      <c r="F1228" s="6" t="s">
        <v>5135</v>
      </c>
      <c r="G1228" s="3" t="s">
        <v>16</v>
      </c>
      <c r="H1228" s="3" t="s">
        <v>17</v>
      </c>
      <c r="I1228" s="3" t="s">
        <v>18</v>
      </c>
      <c r="J1228" s="3" t="s">
        <v>5136</v>
      </c>
      <c r="K1228" s="4">
        <v>43371</v>
      </c>
    </row>
    <row r="1229" spans="1:11" ht="30" x14ac:dyDescent="0.25">
      <c r="A1229" s="6" t="s">
        <v>5150</v>
      </c>
      <c r="B1229" s="8" t="s">
        <v>12</v>
      </c>
      <c r="C1229" s="8" t="s">
        <v>13</v>
      </c>
      <c r="D1229" s="8">
        <v>1800</v>
      </c>
      <c r="E1229" s="3" t="s">
        <v>5151</v>
      </c>
      <c r="F1229" s="6" t="s">
        <v>5152</v>
      </c>
      <c r="G1229" s="3" t="s">
        <v>16</v>
      </c>
      <c r="H1229" s="3" t="s">
        <v>17</v>
      </c>
      <c r="I1229" s="3" t="s">
        <v>18</v>
      </c>
      <c r="J1229" s="3" t="s">
        <v>5153</v>
      </c>
      <c r="K1229" s="4">
        <v>43371</v>
      </c>
    </row>
    <row r="1230" spans="1:11" ht="150" x14ac:dyDescent="0.25">
      <c r="A1230" s="6" t="s">
        <v>5279</v>
      </c>
      <c r="B1230" s="8" t="s">
        <v>12</v>
      </c>
      <c r="C1230" s="8" t="s">
        <v>13</v>
      </c>
      <c r="D1230" s="8">
        <v>1848</v>
      </c>
      <c r="E1230" s="3" t="s">
        <v>13</v>
      </c>
      <c r="F1230" s="6" t="s">
        <v>5280</v>
      </c>
      <c r="G1230" s="3" t="s">
        <v>16</v>
      </c>
      <c r="H1230" s="3" t="s">
        <v>17</v>
      </c>
      <c r="I1230" s="3" t="s">
        <v>13</v>
      </c>
      <c r="J1230" s="3" t="s">
        <v>13</v>
      </c>
      <c r="K1230" s="4">
        <v>43371</v>
      </c>
    </row>
    <row r="1231" spans="1:11" ht="30" x14ac:dyDescent="0.25">
      <c r="A1231" s="6" t="s">
        <v>5281</v>
      </c>
      <c r="B1231" s="8" t="s">
        <v>12</v>
      </c>
      <c r="C1231" s="8">
        <v>1847</v>
      </c>
      <c r="D1231" s="8">
        <v>1847</v>
      </c>
      <c r="E1231" s="3" t="s">
        <v>13</v>
      </c>
      <c r="F1231" s="6" t="s">
        <v>5282</v>
      </c>
      <c r="G1231" s="3" t="s">
        <v>16</v>
      </c>
      <c r="H1231" s="3" t="s">
        <v>1724</v>
      </c>
      <c r="I1231" s="3" t="s">
        <v>13</v>
      </c>
      <c r="J1231" s="3"/>
      <c r="K1231" s="4">
        <v>43371</v>
      </c>
    </row>
    <row r="1232" spans="1:11" ht="60" x14ac:dyDescent="0.25">
      <c r="A1232" s="6" t="s">
        <v>5323</v>
      </c>
      <c r="B1232" s="8" t="s">
        <v>12</v>
      </c>
      <c r="C1232" s="8">
        <v>1904</v>
      </c>
      <c r="D1232" s="8">
        <v>1904</v>
      </c>
      <c r="E1232" s="3" t="s">
        <v>5324</v>
      </c>
      <c r="F1232" s="6" t="s">
        <v>5325</v>
      </c>
      <c r="G1232" s="3" t="s">
        <v>16</v>
      </c>
      <c r="H1232" s="3" t="s">
        <v>17</v>
      </c>
      <c r="I1232" s="3" t="s">
        <v>18</v>
      </c>
      <c r="J1232" s="3" t="s">
        <v>5326</v>
      </c>
      <c r="K1232" s="4">
        <v>43371</v>
      </c>
    </row>
    <row r="1233" spans="1:11" ht="30" x14ac:dyDescent="0.25">
      <c r="A1233" s="6" t="s">
        <v>5334</v>
      </c>
      <c r="B1233" s="8" t="s">
        <v>12</v>
      </c>
      <c r="C1233" s="8" t="s">
        <v>5335</v>
      </c>
      <c r="D1233" s="8">
        <v>1853</v>
      </c>
      <c r="E1233" s="3" t="s">
        <v>5336</v>
      </c>
      <c r="F1233" s="6" t="s">
        <v>5337</v>
      </c>
      <c r="G1233" s="3" t="s">
        <v>16</v>
      </c>
      <c r="H1233" s="3" t="s">
        <v>17</v>
      </c>
      <c r="I1233" s="3" t="s">
        <v>138</v>
      </c>
      <c r="J1233" s="3" t="s">
        <v>710</v>
      </c>
      <c r="K1233" s="4">
        <v>43371</v>
      </c>
    </row>
    <row r="1234" spans="1:11" ht="105" x14ac:dyDescent="0.25">
      <c r="A1234" s="6" t="s">
        <v>5339</v>
      </c>
      <c r="B1234" s="8" t="s">
        <v>12</v>
      </c>
      <c r="C1234" s="8" t="s">
        <v>5340</v>
      </c>
      <c r="D1234" s="8" t="s">
        <v>5341</v>
      </c>
      <c r="E1234" s="3" t="s">
        <v>1030</v>
      </c>
      <c r="F1234" s="6" t="s">
        <v>5342</v>
      </c>
      <c r="G1234" s="3" t="s">
        <v>16</v>
      </c>
      <c r="H1234" s="3" t="s">
        <v>17</v>
      </c>
      <c r="I1234" s="3" t="s">
        <v>18</v>
      </c>
      <c r="J1234" s="3" t="s">
        <v>5343</v>
      </c>
      <c r="K1234" s="4">
        <v>43371</v>
      </c>
    </row>
    <row r="1235" spans="1:11" ht="45" x14ac:dyDescent="0.25">
      <c r="A1235" s="6" t="s">
        <v>5385</v>
      </c>
      <c r="B1235" s="8" t="s">
        <v>12</v>
      </c>
      <c r="C1235" s="8" t="s">
        <v>13</v>
      </c>
      <c r="D1235" s="8">
        <v>1800</v>
      </c>
      <c r="E1235" s="3" t="s">
        <v>5386</v>
      </c>
      <c r="F1235" s="6" t="s">
        <v>5387</v>
      </c>
      <c r="G1235" s="3" t="s">
        <v>16</v>
      </c>
      <c r="H1235" s="3" t="s">
        <v>17</v>
      </c>
      <c r="I1235" s="3" t="s">
        <v>542</v>
      </c>
      <c r="J1235" s="3" t="s">
        <v>5044</v>
      </c>
      <c r="K1235" s="4">
        <v>43371</v>
      </c>
    </row>
    <row r="1236" spans="1:11" x14ac:dyDescent="0.25">
      <c r="A1236" s="6" t="s">
        <v>5416</v>
      </c>
      <c r="B1236" s="8" t="s">
        <v>12</v>
      </c>
      <c r="C1236" s="8">
        <v>1819</v>
      </c>
      <c r="D1236" s="8">
        <v>1819</v>
      </c>
      <c r="E1236" s="3" t="s">
        <v>5417</v>
      </c>
      <c r="F1236" s="6" t="s">
        <v>5418</v>
      </c>
      <c r="G1236" s="3" t="s">
        <v>16</v>
      </c>
      <c r="H1236" s="3" t="s">
        <v>17</v>
      </c>
      <c r="I1236" s="3" t="s">
        <v>250</v>
      </c>
      <c r="J1236" s="3" t="s">
        <v>13</v>
      </c>
      <c r="K1236" s="4">
        <v>43371</v>
      </c>
    </row>
    <row r="1237" spans="1:11" ht="30" x14ac:dyDescent="0.25">
      <c r="A1237" s="6" t="s">
        <v>5476</v>
      </c>
      <c r="B1237" s="8" t="s">
        <v>12</v>
      </c>
      <c r="C1237" s="8">
        <v>1912</v>
      </c>
      <c r="D1237" s="8">
        <v>1912</v>
      </c>
      <c r="E1237" s="3" t="s">
        <v>13</v>
      </c>
      <c r="F1237" s="6" t="s">
        <v>5477</v>
      </c>
      <c r="G1237" s="3" t="s">
        <v>16</v>
      </c>
      <c r="H1237" s="3" t="s">
        <v>17</v>
      </c>
      <c r="I1237" s="3" t="s">
        <v>13</v>
      </c>
      <c r="J1237" s="3" t="s">
        <v>5478</v>
      </c>
      <c r="K1237" s="4">
        <v>43371</v>
      </c>
    </row>
    <row r="1238" spans="1:11" ht="30" x14ac:dyDescent="0.25">
      <c r="A1238" s="6" t="s">
        <v>5529</v>
      </c>
      <c r="B1238" s="8" t="s">
        <v>12</v>
      </c>
      <c r="C1238" s="8">
        <v>1707</v>
      </c>
      <c r="D1238" s="8">
        <v>1707</v>
      </c>
      <c r="E1238" s="3" t="s">
        <v>5530</v>
      </c>
      <c r="F1238" s="6" t="s">
        <v>5531</v>
      </c>
      <c r="G1238" s="3" t="s">
        <v>16</v>
      </c>
      <c r="H1238" s="3" t="s">
        <v>17</v>
      </c>
      <c r="I1238" s="3" t="s">
        <v>18</v>
      </c>
      <c r="J1238" s="3" t="s">
        <v>5532</v>
      </c>
      <c r="K1238" s="4">
        <v>43371</v>
      </c>
    </row>
    <row r="1239" spans="1:11" x14ac:dyDescent="0.25">
      <c r="A1239" s="6" t="s">
        <v>5547</v>
      </c>
      <c r="B1239" s="8" t="s">
        <v>12</v>
      </c>
      <c r="C1239" s="8" t="s">
        <v>13</v>
      </c>
      <c r="D1239" s="8">
        <v>1837</v>
      </c>
      <c r="E1239" s="3" t="s">
        <v>2885</v>
      </c>
      <c r="F1239" s="6" t="s">
        <v>5548</v>
      </c>
      <c r="G1239" s="3" t="s">
        <v>16</v>
      </c>
      <c r="H1239" s="3" t="s">
        <v>17</v>
      </c>
      <c r="I1239" s="3" t="s">
        <v>18</v>
      </c>
      <c r="J1239" s="3" t="s">
        <v>5549</v>
      </c>
      <c r="K1239" s="4">
        <v>43371</v>
      </c>
    </row>
    <row r="1240" spans="1:11" ht="45" x14ac:dyDescent="0.25">
      <c r="A1240" s="6" t="s">
        <v>5612</v>
      </c>
      <c r="B1240" s="8" t="s">
        <v>12</v>
      </c>
      <c r="C1240" s="8" t="s">
        <v>13</v>
      </c>
      <c r="D1240" s="8">
        <v>1754</v>
      </c>
      <c r="E1240" s="3" t="s">
        <v>5613</v>
      </c>
      <c r="F1240" s="6" t="s">
        <v>5614</v>
      </c>
      <c r="G1240" s="3" t="s">
        <v>16</v>
      </c>
      <c r="H1240" s="3" t="s">
        <v>17</v>
      </c>
      <c r="I1240" s="3" t="s">
        <v>18</v>
      </c>
      <c r="J1240" s="3" t="s">
        <v>5615</v>
      </c>
      <c r="K1240" s="4">
        <v>43371</v>
      </c>
    </row>
    <row r="1241" spans="1:11" ht="105" x14ac:dyDescent="0.25">
      <c r="A1241" s="6" t="s">
        <v>5629</v>
      </c>
      <c r="B1241" s="8" t="s">
        <v>12</v>
      </c>
      <c r="C1241" s="8" t="s">
        <v>13</v>
      </c>
      <c r="D1241" s="8">
        <v>1815</v>
      </c>
      <c r="E1241" s="3" t="s">
        <v>5630</v>
      </c>
      <c r="F1241" s="6" t="s">
        <v>5631</v>
      </c>
      <c r="G1241" s="3" t="s">
        <v>16</v>
      </c>
      <c r="H1241" s="3" t="s">
        <v>17</v>
      </c>
      <c r="I1241" s="3" t="s">
        <v>18</v>
      </c>
      <c r="J1241" s="3" t="s">
        <v>13</v>
      </c>
      <c r="K1241" s="4">
        <v>43371</v>
      </c>
    </row>
    <row r="1242" spans="1:11" ht="150" x14ac:dyDescent="0.25">
      <c r="A1242" s="6" t="s">
        <v>5641</v>
      </c>
      <c r="B1242" s="8" t="s">
        <v>12</v>
      </c>
      <c r="C1242" s="8" t="s">
        <v>4699</v>
      </c>
      <c r="D1242" s="8">
        <v>1564</v>
      </c>
      <c r="E1242" s="3" t="s">
        <v>5642</v>
      </c>
      <c r="F1242" s="6" t="s">
        <v>5643</v>
      </c>
      <c r="G1242" s="3" t="s">
        <v>16</v>
      </c>
      <c r="H1242" s="3" t="s">
        <v>170</v>
      </c>
      <c r="I1242" s="3" t="s">
        <v>388</v>
      </c>
      <c r="J1242" s="3" t="s">
        <v>5644</v>
      </c>
      <c r="K1242" s="4">
        <v>43371</v>
      </c>
    </row>
    <row r="1243" spans="1:11" ht="90" x14ac:dyDescent="0.25">
      <c r="A1243" s="6" t="s">
        <v>5668</v>
      </c>
      <c r="B1243" s="8" t="s">
        <v>12</v>
      </c>
      <c r="C1243" s="8" t="s">
        <v>13</v>
      </c>
      <c r="D1243" s="8">
        <v>1845</v>
      </c>
      <c r="E1243" s="3" t="s">
        <v>13</v>
      </c>
      <c r="F1243" s="6" t="s">
        <v>5669</v>
      </c>
      <c r="G1243" s="3" t="s">
        <v>16</v>
      </c>
      <c r="H1243" s="3" t="s">
        <v>17</v>
      </c>
      <c r="I1243" s="3" t="s">
        <v>13</v>
      </c>
      <c r="J1243" s="3" t="s">
        <v>5670</v>
      </c>
      <c r="K1243" s="4">
        <v>43371</v>
      </c>
    </row>
    <row r="1244" spans="1:11" ht="30" x14ac:dyDescent="0.25">
      <c r="A1244" s="6" t="s">
        <v>5693</v>
      </c>
      <c r="B1244" s="8" t="s">
        <v>12</v>
      </c>
      <c r="C1244" s="8" t="s">
        <v>5694</v>
      </c>
      <c r="D1244" s="8" t="s">
        <v>5694</v>
      </c>
      <c r="E1244" s="3" t="s">
        <v>461</v>
      </c>
      <c r="F1244" s="6" t="s">
        <v>5695</v>
      </c>
      <c r="G1244" s="3" t="s">
        <v>16</v>
      </c>
      <c r="H1244" s="3" t="s">
        <v>17</v>
      </c>
      <c r="I1244" s="3" t="s">
        <v>18</v>
      </c>
      <c r="J1244" s="3" t="s">
        <v>5489</v>
      </c>
      <c r="K1244" s="4">
        <v>43371</v>
      </c>
    </row>
    <row r="1245" spans="1:11" ht="75" x14ac:dyDescent="0.25">
      <c r="A1245" s="6" t="s">
        <v>5708</v>
      </c>
      <c r="B1245" s="8" t="s">
        <v>12</v>
      </c>
      <c r="C1245" s="8">
        <v>1861</v>
      </c>
      <c r="D1245" s="8">
        <v>1861</v>
      </c>
      <c r="E1245" s="3" t="s">
        <v>5709</v>
      </c>
      <c r="F1245" s="6" t="s">
        <v>5710</v>
      </c>
      <c r="G1245" s="3" t="s">
        <v>16</v>
      </c>
      <c r="H1245" s="3" t="s">
        <v>17</v>
      </c>
      <c r="I1245" s="3" t="s">
        <v>2124</v>
      </c>
      <c r="J1245" s="3" t="s">
        <v>5711</v>
      </c>
      <c r="K1245" s="4">
        <v>43371</v>
      </c>
    </row>
    <row r="1246" spans="1:11" ht="120" x14ac:dyDescent="0.25">
      <c r="A1246" s="6" t="s">
        <v>5720</v>
      </c>
      <c r="B1246" s="8" t="s">
        <v>12</v>
      </c>
      <c r="C1246" s="8" t="s">
        <v>13</v>
      </c>
      <c r="D1246" s="8">
        <v>1800</v>
      </c>
      <c r="E1246" s="3" t="s">
        <v>13</v>
      </c>
      <c r="F1246" s="6" t="s">
        <v>5721</v>
      </c>
      <c r="G1246" s="3" t="s">
        <v>16</v>
      </c>
      <c r="H1246" s="3" t="s">
        <v>17</v>
      </c>
      <c r="I1246" s="3" t="s">
        <v>13</v>
      </c>
      <c r="J1246" s="3" t="s">
        <v>5044</v>
      </c>
      <c r="K1246" s="4">
        <v>43371</v>
      </c>
    </row>
    <row r="1247" spans="1:11" ht="30" x14ac:dyDescent="0.25">
      <c r="A1247" s="6" t="s">
        <v>80</v>
      </c>
      <c r="B1247" s="8" t="s">
        <v>12</v>
      </c>
      <c r="C1247" s="8" t="s">
        <v>81</v>
      </c>
      <c r="D1247" s="8" t="s">
        <v>82</v>
      </c>
      <c r="E1247" s="3" t="s">
        <v>83</v>
      </c>
      <c r="F1247" s="6" t="s">
        <v>84</v>
      </c>
      <c r="G1247" s="3" t="s">
        <v>16</v>
      </c>
      <c r="H1247" s="3" t="s">
        <v>17</v>
      </c>
      <c r="I1247" s="3" t="s">
        <v>85</v>
      </c>
      <c r="J1247" s="3" t="s">
        <v>86</v>
      </c>
      <c r="K1247" s="4">
        <v>43370</v>
      </c>
    </row>
    <row r="1248" spans="1:11" ht="45" x14ac:dyDescent="0.25">
      <c r="A1248" s="6" t="s">
        <v>118</v>
      </c>
      <c r="B1248" s="8" t="s">
        <v>12</v>
      </c>
      <c r="C1248" s="8">
        <v>1922</v>
      </c>
      <c r="D1248" s="8">
        <v>1922</v>
      </c>
      <c r="E1248" s="3" t="s">
        <v>119</v>
      </c>
      <c r="F1248" s="6" t="s">
        <v>120</v>
      </c>
      <c r="G1248" s="3" t="s">
        <v>16</v>
      </c>
      <c r="H1248" s="3" t="s">
        <v>17</v>
      </c>
      <c r="I1248" s="3" t="s">
        <v>121</v>
      </c>
      <c r="J1248" s="3" t="s">
        <v>122</v>
      </c>
      <c r="K1248" s="4">
        <v>43370</v>
      </c>
    </row>
    <row r="1249" spans="1:11" ht="30" x14ac:dyDescent="0.25">
      <c r="A1249" s="6" t="s">
        <v>172</v>
      </c>
      <c r="B1249" s="8" t="s">
        <v>12</v>
      </c>
      <c r="C1249" s="8" t="s">
        <v>173</v>
      </c>
      <c r="D1249" s="8">
        <v>1856</v>
      </c>
      <c r="E1249" s="3" t="s">
        <v>174</v>
      </c>
      <c r="F1249" s="6" t="s">
        <v>175</v>
      </c>
      <c r="G1249" s="3" t="s">
        <v>16</v>
      </c>
      <c r="H1249" s="3" t="s">
        <v>17</v>
      </c>
      <c r="I1249" s="3" t="s">
        <v>176</v>
      </c>
      <c r="J1249" s="3" t="s">
        <v>177</v>
      </c>
      <c r="K1249" s="4">
        <v>43370</v>
      </c>
    </row>
    <row r="1250" spans="1:11" ht="75" x14ac:dyDescent="0.25">
      <c r="A1250" s="6" t="s">
        <v>252</v>
      </c>
      <c r="B1250" s="8" t="s">
        <v>12</v>
      </c>
      <c r="C1250" s="8" t="s">
        <v>13</v>
      </c>
      <c r="D1250" s="8">
        <v>1825</v>
      </c>
      <c r="E1250" s="3" t="s">
        <v>13</v>
      </c>
      <c r="F1250" s="6" t="s">
        <v>253</v>
      </c>
      <c r="G1250" s="3" t="s">
        <v>16</v>
      </c>
      <c r="H1250" s="3" t="s">
        <v>170</v>
      </c>
      <c r="I1250" s="3" t="s">
        <v>171</v>
      </c>
      <c r="J1250" s="3" t="s">
        <v>254</v>
      </c>
      <c r="K1250" s="4">
        <v>43370</v>
      </c>
    </row>
    <row r="1251" spans="1:11" ht="30" x14ac:dyDescent="0.25">
      <c r="A1251" s="6" t="s">
        <v>478</v>
      </c>
      <c r="B1251" s="8" t="s">
        <v>12</v>
      </c>
      <c r="C1251" s="8" t="s">
        <v>479</v>
      </c>
      <c r="D1251" s="9">
        <v>803</v>
      </c>
      <c r="E1251" s="3" t="s">
        <v>13</v>
      </c>
      <c r="F1251" s="6" t="s">
        <v>480</v>
      </c>
      <c r="G1251" s="3" t="s">
        <v>16</v>
      </c>
      <c r="H1251" s="3" t="s">
        <v>17</v>
      </c>
      <c r="I1251" s="3" t="s">
        <v>13</v>
      </c>
      <c r="J1251" s="3" t="s">
        <v>481</v>
      </c>
      <c r="K1251" s="4">
        <v>43370</v>
      </c>
    </row>
    <row r="1252" spans="1:11" ht="90" x14ac:dyDescent="0.25">
      <c r="A1252" s="6" t="s">
        <v>506</v>
      </c>
      <c r="B1252" s="8" t="s">
        <v>12</v>
      </c>
      <c r="C1252" s="8">
        <v>1874</v>
      </c>
      <c r="D1252" s="8">
        <v>1874</v>
      </c>
      <c r="E1252" s="3" t="s">
        <v>507</v>
      </c>
      <c r="F1252" s="6" t="s">
        <v>508</v>
      </c>
      <c r="G1252" s="3" t="s">
        <v>16</v>
      </c>
      <c r="H1252" s="3" t="s">
        <v>17</v>
      </c>
      <c r="I1252" s="3" t="s">
        <v>18</v>
      </c>
      <c r="J1252" s="3" t="s">
        <v>509</v>
      </c>
      <c r="K1252" s="4">
        <v>43370</v>
      </c>
    </row>
    <row r="1253" spans="1:11" ht="30" x14ac:dyDescent="0.25">
      <c r="A1253" s="6" t="s">
        <v>510</v>
      </c>
      <c r="B1253" s="8" t="s">
        <v>12</v>
      </c>
      <c r="C1253" s="8" t="s">
        <v>13</v>
      </c>
      <c r="D1253" s="8">
        <v>1908</v>
      </c>
      <c r="E1253" s="3" t="s">
        <v>13</v>
      </c>
      <c r="F1253" s="6" t="s">
        <v>511</v>
      </c>
      <c r="G1253" s="3" t="s">
        <v>16</v>
      </c>
      <c r="H1253" s="3" t="s">
        <v>17</v>
      </c>
      <c r="I1253" s="3" t="s">
        <v>512</v>
      </c>
      <c r="J1253" s="3" t="s">
        <v>513</v>
      </c>
      <c r="K1253" s="4">
        <v>43370</v>
      </c>
    </row>
    <row r="1254" spans="1:11" ht="30" x14ac:dyDescent="0.25">
      <c r="A1254" s="6" t="s">
        <v>556</v>
      </c>
      <c r="B1254" s="8" t="s">
        <v>12</v>
      </c>
      <c r="C1254" s="8" t="s">
        <v>13</v>
      </c>
      <c r="D1254" s="8">
        <v>1912</v>
      </c>
      <c r="E1254" s="3" t="s">
        <v>557</v>
      </c>
      <c r="F1254" s="6" t="s">
        <v>558</v>
      </c>
      <c r="G1254" s="3" t="s">
        <v>16</v>
      </c>
      <c r="H1254" s="3" t="s">
        <v>17</v>
      </c>
      <c r="I1254" s="3" t="s">
        <v>18</v>
      </c>
      <c r="J1254" s="3" t="s">
        <v>559</v>
      </c>
      <c r="K1254" s="4">
        <v>43370</v>
      </c>
    </row>
    <row r="1255" spans="1:11" ht="45" x14ac:dyDescent="0.25">
      <c r="A1255" s="6" t="s">
        <v>610</v>
      </c>
      <c r="B1255" s="8" t="s">
        <v>12</v>
      </c>
      <c r="C1255" s="8" t="s">
        <v>611</v>
      </c>
      <c r="D1255" s="8">
        <v>1861</v>
      </c>
      <c r="E1255" s="3" t="s">
        <v>230</v>
      </c>
      <c r="F1255" s="6" t="s">
        <v>612</v>
      </c>
      <c r="G1255" s="3" t="s">
        <v>16</v>
      </c>
      <c r="H1255" s="3" t="s">
        <v>17</v>
      </c>
      <c r="I1255" s="3" t="s">
        <v>18</v>
      </c>
      <c r="J1255" s="3" t="s">
        <v>613</v>
      </c>
      <c r="K1255" s="4">
        <v>43370</v>
      </c>
    </row>
    <row r="1256" spans="1:11" x14ac:dyDescent="0.25">
      <c r="A1256" s="6" t="s">
        <v>651</v>
      </c>
      <c r="B1256" s="8" t="s">
        <v>12</v>
      </c>
      <c r="C1256" s="8" t="s">
        <v>652</v>
      </c>
      <c r="D1256" s="8">
        <v>1881</v>
      </c>
      <c r="E1256" s="3" t="s">
        <v>653</v>
      </c>
      <c r="F1256" s="6" t="s">
        <v>654</v>
      </c>
      <c r="G1256" s="3" t="s">
        <v>16</v>
      </c>
      <c r="H1256" s="3" t="s">
        <v>17</v>
      </c>
      <c r="I1256" s="3" t="s">
        <v>18</v>
      </c>
      <c r="J1256" s="3" t="s">
        <v>655</v>
      </c>
      <c r="K1256" s="4">
        <v>43370</v>
      </c>
    </row>
    <row r="1257" spans="1:11" ht="60" x14ac:dyDescent="0.25">
      <c r="A1257" s="6" t="s">
        <v>745</v>
      </c>
      <c r="B1257" s="8" t="s">
        <v>12</v>
      </c>
      <c r="C1257" s="8">
        <v>1872</v>
      </c>
      <c r="D1257" s="8">
        <v>1872</v>
      </c>
      <c r="E1257" s="3" t="s">
        <v>493</v>
      </c>
      <c r="F1257" s="6" t="s">
        <v>746</v>
      </c>
      <c r="G1257" s="3" t="s">
        <v>16</v>
      </c>
      <c r="H1257" s="3" t="s">
        <v>17</v>
      </c>
      <c r="I1257" s="3" t="s">
        <v>18</v>
      </c>
      <c r="J1257" s="3" t="s">
        <v>747</v>
      </c>
      <c r="K1257" s="4">
        <v>43370</v>
      </c>
    </row>
    <row r="1258" spans="1:11" ht="180" x14ac:dyDescent="0.25">
      <c r="A1258" s="6" t="s">
        <v>752</v>
      </c>
      <c r="B1258" s="8" t="s">
        <v>12</v>
      </c>
      <c r="C1258" s="8">
        <v>1869</v>
      </c>
      <c r="D1258" s="8">
        <v>1869</v>
      </c>
      <c r="E1258" s="3" t="s">
        <v>753</v>
      </c>
      <c r="F1258" s="6" t="s">
        <v>754</v>
      </c>
      <c r="G1258" s="3" t="s">
        <v>16</v>
      </c>
      <c r="H1258" s="3" t="s">
        <v>24</v>
      </c>
      <c r="I1258" s="3" t="s">
        <v>18</v>
      </c>
      <c r="J1258" s="3" t="s">
        <v>13</v>
      </c>
      <c r="K1258" s="4">
        <v>43370</v>
      </c>
    </row>
    <row r="1259" spans="1:11" ht="45" x14ac:dyDescent="0.25">
      <c r="A1259" s="6" t="s">
        <v>889</v>
      </c>
      <c r="B1259" s="8" t="s">
        <v>12</v>
      </c>
      <c r="C1259" s="8">
        <v>1912</v>
      </c>
      <c r="D1259" s="8">
        <v>1912</v>
      </c>
      <c r="E1259" s="3" t="s">
        <v>890</v>
      </c>
      <c r="F1259" s="6" t="s">
        <v>891</v>
      </c>
      <c r="G1259" s="3" t="s">
        <v>16</v>
      </c>
      <c r="H1259" s="3" t="s">
        <v>17</v>
      </c>
      <c r="I1259" s="3" t="s">
        <v>18</v>
      </c>
      <c r="J1259" s="3" t="s">
        <v>13</v>
      </c>
      <c r="K1259" s="4">
        <v>43370</v>
      </c>
    </row>
    <row r="1260" spans="1:11" ht="75" x14ac:dyDescent="0.25">
      <c r="A1260" s="6" t="s">
        <v>978</v>
      </c>
      <c r="B1260" s="8" t="s">
        <v>12</v>
      </c>
      <c r="C1260" s="8" t="s">
        <v>979</v>
      </c>
      <c r="D1260" s="8">
        <v>1852</v>
      </c>
      <c r="E1260" s="3" t="s">
        <v>980</v>
      </c>
      <c r="F1260" s="6" t="s">
        <v>981</v>
      </c>
      <c r="G1260" s="3" t="s">
        <v>16</v>
      </c>
      <c r="H1260" s="3" t="s">
        <v>17</v>
      </c>
      <c r="I1260" s="3" t="s">
        <v>250</v>
      </c>
      <c r="J1260" s="3" t="s">
        <v>982</v>
      </c>
      <c r="K1260" s="4">
        <v>43370</v>
      </c>
    </row>
    <row r="1261" spans="1:11" ht="45" x14ac:dyDescent="0.25">
      <c r="A1261" s="6" t="s">
        <v>1013</v>
      </c>
      <c r="B1261" s="8" t="s">
        <v>12</v>
      </c>
      <c r="C1261" s="10">
        <v>6849</v>
      </c>
      <c r="D1261" s="8" t="s">
        <v>1014</v>
      </c>
      <c r="E1261" s="3" t="s">
        <v>1015</v>
      </c>
      <c r="F1261" s="6" t="s">
        <v>1016</v>
      </c>
      <c r="G1261" s="3" t="s">
        <v>16</v>
      </c>
      <c r="H1261" s="3" t="s">
        <v>17</v>
      </c>
      <c r="I1261" s="3" t="s">
        <v>250</v>
      </c>
      <c r="J1261" s="3" t="s">
        <v>1017</v>
      </c>
      <c r="K1261" s="4">
        <v>43370</v>
      </c>
    </row>
    <row r="1262" spans="1:11" ht="45" x14ac:dyDescent="0.25">
      <c r="A1262" s="6" t="s">
        <v>1035</v>
      </c>
      <c r="B1262" s="8" t="s">
        <v>12</v>
      </c>
      <c r="C1262" s="8" t="s">
        <v>13</v>
      </c>
      <c r="D1262" s="8">
        <v>1920</v>
      </c>
      <c r="E1262" s="3" t="s">
        <v>1036</v>
      </c>
      <c r="F1262" s="6" t="s">
        <v>1037</v>
      </c>
      <c r="G1262" s="3" t="s">
        <v>16</v>
      </c>
      <c r="H1262" s="3" t="s">
        <v>17</v>
      </c>
      <c r="I1262" s="3" t="s">
        <v>138</v>
      </c>
      <c r="J1262" s="3" t="s">
        <v>1038</v>
      </c>
      <c r="K1262" s="4">
        <v>43370</v>
      </c>
    </row>
    <row r="1263" spans="1:11" ht="30" x14ac:dyDescent="0.25">
      <c r="A1263" s="6" t="s">
        <v>1125</v>
      </c>
      <c r="B1263" s="8" t="s">
        <v>12</v>
      </c>
      <c r="C1263" s="8" t="s">
        <v>1126</v>
      </c>
      <c r="D1263" s="8">
        <v>1923</v>
      </c>
      <c r="E1263" s="3" t="s">
        <v>1127</v>
      </c>
      <c r="F1263" s="6" t="s">
        <v>1128</v>
      </c>
      <c r="G1263" s="3" t="s">
        <v>16</v>
      </c>
      <c r="H1263" s="3" t="s">
        <v>17</v>
      </c>
      <c r="I1263" s="3" t="s">
        <v>350</v>
      </c>
      <c r="J1263" s="3" t="s">
        <v>1129</v>
      </c>
      <c r="K1263" s="4">
        <v>43370</v>
      </c>
    </row>
    <row r="1264" spans="1:11" ht="30" x14ac:dyDescent="0.25">
      <c r="A1264" s="6" t="s">
        <v>1148</v>
      </c>
      <c r="B1264" s="8" t="s">
        <v>12</v>
      </c>
      <c r="C1264" s="8" t="s">
        <v>13</v>
      </c>
      <c r="D1264" s="8">
        <v>1913</v>
      </c>
      <c r="E1264" s="3" t="s">
        <v>13</v>
      </c>
      <c r="F1264" s="6" t="s">
        <v>1149</v>
      </c>
      <c r="G1264" s="3" t="s">
        <v>16</v>
      </c>
      <c r="H1264" s="3" t="s">
        <v>17</v>
      </c>
      <c r="I1264" s="3" t="s">
        <v>85</v>
      </c>
      <c r="J1264" s="3" t="s">
        <v>1150</v>
      </c>
      <c r="K1264" s="4">
        <v>43370</v>
      </c>
    </row>
    <row r="1265" spans="1:11" ht="45" x14ac:dyDescent="0.25">
      <c r="A1265" s="6" t="s">
        <v>1214</v>
      </c>
      <c r="B1265" s="8" t="s">
        <v>12</v>
      </c>
      <c r="C1265" s="8" t="s">
        <v>1215</v>
      </c>
      <c r="D1265" s="8" t="s">
        <v>1216</v>
      </c>
      <c r="E1265" s="3" t="s">
        <v>13</v>
      </c>
      <c r="F1265" s="6" t="s">
        <v>1217</v>
      </c>
      <c r="G1265" s="3" t="s">
        <v>16</v>
      </c>
      <c r="H1265" s="3" t="s">
        <v>17</v>
      </c>
      <c r="I1265" s="3" t="s">
        <v>13</v>
      </c>
      <c r="J1265" s="3" t="s">
        <v>1218</v>
      </c>
      <c r="K1265" s="4">
        <v>43370</v>
      </c>
    </row>
    <row r="1266" spans="1:11" ht="195" x14ac:dyDescent="0.25">
      <c r="A1266" s="6" t="s">
        <v>1293</v>
      </c>
      <c r="B1266" s="8" t="s">
        <v>12</v>
      </c>
      <c r="C1266" s="8">
        <v>1830</v>
      </c>
      <c r="D1266" s="8">
        <v>1830</v>
      </c>
      <c r="E1266" s="3" t="s">
        <v>1294</v>
      </c>
      <c r="F1266" s="6" t="s">
        <v>1295</v>
      </c>
      <c r="G1266" s="3" t="s">
        <v>16</v>
      </c>
      <c r="H1266" s="3" t="s">
        <v>17</v>
      </c>
      <c r="I1266" s="3" t="s">
        <v>121</v>
      </c>
      <c r="J1266" s="3" t="s">
        <v>1296</v>
      </c>
      <c r="K1266" s="4">
        <v>43370</v>
      </c>
    </row>
    <row r="1267" spans="1:11" ht="60" x14ac:dyDescent="0.25">
      <c r="A1267" s="6" t="s">
        <v>1396</v>
      </c>
      <c r="B1267" s="8" t="s">
        <v>12</v>
      </c>
      <c r="C1267" s="8">
        <v>1869</v>
      </c>
      <c r="D1267" s="8">
        <v>1869</v>
      </c>
      <c r="E1267" s="3" t="s">
        <v>493</v>
      </c>
      <c r="F1267" s="6" t="s">
        <v>1397</v>
      </c>
      <c r="G1267" s="3" t="s">
        <v>16</v>
      </c>
      <c r="H1267" s="3" t="s">
        <v>17</v>
      </c>
      <c r="I1267" s="3" t="s">
        <v>18</v>
      </c>
      <c r="J1267" s="3" t="s">
        <v>1398</v>
      </c>
      <c r="K1267" s="4">
        <v>43370</v>
      </c>
    </row>
    <row r="1268" spans="1:11" ht="30" x14ac:dyDescent="0.25">
      <c r="A1268" s="6" t="s">
        <v>1465</v>
      </c>
      <c r="B1268" s="8" t="s">
        <v>12</v>
      </c>
      <c r="C1268" s="8">
        <v>1854</v>
      </c>
      <c r="D1268" s="8">
        <v>1854</v>
      </c>
      <c r="E1268" s="3" t="s">
        <v>1466</v>
      </c>
      <c r="F1268" s="6" t="s">
        <v>1467</v>
      </c>
      <c r="G1268" s="3" t="s">
        <v>16</v>
      </c>
      <c r="H1268" s="3" t="s">
        <v>170</v>
      </c>
      <c r="I1268" s="3" t="s">
        <v>171</v>
      </c>
      <c r="J1268" s="3" t="s">
        <v>1468</v>
      </c>
      <c r="K1268" s="4">
        <v>43370</v>
      </c>
    </row>
    <row r="1269" spans="1:11" ht="45" x14ac:dyDescent="0.25">
      <c r="A1269" s="6" t="s">
        <v>1570</v>
      </c>
      <c r="B1269" s="8" t="s">
        <v>12</v>
      </c>
      <c r="C1269" s="8">
        <v>1923</v>
      </c>
      <c r="D1269" s="8">
        <v>1923</v>
      </c>
      <c r="E1269" s="3" t="s">
        <v>1571</v>
      </c>
      <c r="F1269" s="6" t="s">
        <v>1572</v>
      </c>
      <c r="G1269" s="3" t="s">
        <v>16</v>
      </c>
      <c r="H1269" s="3" t="s">
        <v>17</v>
      </c>
      <c r="I1269" s="3" t="s">
        <v>1573</v>
      </c>
      <c r="J1269" s="3" t="s">
        <v>1574</v>
      </c>
      <c r="K1269" s="4">
        <v>43370</v>
      </c>
    </row>
    <row r="1270" spans="1:11" ht="30" x14ac:dyDescent="0.25">
      <c r="A1270" s="6" t="s">
        <v>1618</v>
      </c>
      <c r="B1270" s="8" t="s">
        <v>12</v>
      </c>
      <c r="C1270" s="8">
        <v>1923</v>
      </c>
      <c r="D1270" s="8">
        <v>1923</v>
      </c>
      <c r="E1270" s="3" t="s">
        <v>1209</v>
      </c>
      <c r="F1270" s="6" t="s">
        <v>1619</v>
      </c>
      <c r="G1270" s="3" t="s">
        <v>16</v>
      </c>
      <c r="H1270" s="3" t="s">
        <v>17</v>
      </c>
      <c r="I1270" s="3" t="s">
        <v>18</v>
      </c>
      <c r="J1270" s="3" t="s">
        <v>1620</v>
      </c>
      <c r="K1270" s="4">
        <v>43370</v>
      </c>
    </row>
    <row r="1271" spans="1:11" ht="60" x14ac:dyDescent="0.25">
      <c r="A1271" s="6" t="s">
        <v>1631</v>
      </c>
      <c r="B1271" s="8" t="s">
        <v>12</v>
      </c>
      <c r="C1271" s="8">
        <v>1914</v>
      </c>
      <c r="D1271" s="8">
        <v>1914</v>
      </c>
      <c r="E1271" s="3" t="s">
        <v>1632</v>
      </c>
      <c r="F1271" s="6" t="s">
        <v>1633</v>
      </c>
      <c r="G1271" s="3" t="s">
        <v>16</v>
      </c>
      <c r="H1271" s="3" t="s">
        <v>17</v>
      </c>
      <c r="I1271" s="3" t="s">
        <v>18</v>
      </c>
      <c r="J1271" s="3" t="s">
        <v>1634</v>
      </c>
      <c r="K1271" s="4">
        <v>43370</v>
      </c>
    </row>
    <row r="1272" spans="1:11" ht="60" x14ac:dyDescent="0.25">
      <c r="A1272" s="6" t="s">
        <v>1779</v>
      </c>
      <c r="B1272" s="8" t="s">
        <v>12</v>
      </c>
      <c r="C1272" s="8" t="s">
        <v>1780</v>
      </c>
      <c r="D1272" s="8" t="s">
        <v>1781</v>
      </c>
      <c r="E1272" s="3" t="s">
        <v>13</v>
      </c>
      <c r="F1272" s="6" t="s">
        <v>1782</v>
      </c>
      <c r="G1272" s="3" t="s">
        <v>16</v>
      </c>
      <c r="H1272" s="3" t="s">
        <v>17</v>
      </c>
      <c r="I1272" s="3" t="s">
        <v>13</v>
      </c>
      <c r="J1272" s="3" t="s">
        <v>1783</v>
      </c>
      <c r="K1272" s="4">
        <v>43370</v>
      </c>
    </row>
    <row r="1273" spans="1:11" ht="165" x14ac:dyDescent="0.25">
      <c r="A1273" s="6" t="s">
        <v>1884</v>
      </c>
      <c r="B1273" s="8" t="s">
        <v>12</v>
      </c>
      <c r="C1273" s="8" t="s">
        <v>1885</v>
      </c>
      <c r="D1273" s="8">
        <v>1783</v>
      </c>
      <c r="E1273" s="3" t="s">
        <v>13</v>
      </c>
      <c r="F1273" s="6" t="s">
        <v>1886</v>
      </c>
      <c r="G1273" s="3" t="s">
        <v>16</v>
      </c>
      <c r="H1273" s="3" t="s">
        <v>17</v>
      </c>
      <c r="I1273" s="3" t="s">
        <v>18</v>
      </c>
      <c r="J1273" s="3" t="s">
        <v>1887</v>
      </c>
      <c r="K1273" s="4">
        <v>43370</v>
      </c>
    </row>
    <row r="1274" spans="1:11" ht="135" x14ac:dyDescent="0.25">
      <c r="A1274" s="6" t="s">
        <v>1981</v>
      </c>
      <c r="B1274" s="8" t="s">
        <v>12</v>
      </c>
      <c r="C1274" s="8" t="s">
        <v>652</v>
      </c>
      <c r="D1274" s="8">
        <v>1877</v>
      </c>
      <c r="E1274" s="3" t="s">
        <v>1982</v>
      </c>
      <c r="F1274" s="6" t="s">
        <v>1983</v>
      </c>
      <c r="G1274" s="3" t="s">
        <v>16</v>
      </c>
      <c r="H1274" s="3" t="s">
        <v>17</v>
      </c>
      <c r="I1274" s="3" t="s">
        <v>18</v>
      </c>
      <c r="J1274" s="3" t="s">
        <v>1984</v>
      </c>
      <c r="K1274" s="4">
        <v>43370</v>
      </c>
    </row>
    <row r="1275" spans="1:11" ht="45" x14ac:dyDescent="0.25">
      <c r="A1275" s="6" t="s">
        <v>2072</v>
      </c>
      <c r="B1275" s="8" t="s">
        <v>12</v>
      </c>
      <c r="C1275" s="8" t="s">
        <v>2073</v>
      </c>
      <c r="D1275" s="8" t="s">
        <v>2074</v>
      </c>
      <c r="E1275" s="3" t="s">
        <v>13</v>
      </c>
      <c r="F1275" s="6" t="s">
        <v>2075</v>
      </c>
      <c r="G1275" s="3" t="s">
        <v>16</v>
      </c>
      <c r="H1275" s="3" t="s">
        <v>170</v>
      </c>
      <c r="I1275" s="3" t="s">
        <v>13</v>
      </c>
      <c r="J1275" s="3" t="s">
        <v>2076</v>
      </c>
      <c r="K1275" s="4">
        <v>43370</v>
      </c>
    </row>
    <row r="1276" spans="1:11" ht="45" x14ac:dyDescent="0.25">
      <c r="A1276" s="6" t="s">
        <v>2246</v>
      </c>
      <c r="B1276" s="8" t="s">
        <v>12</v>
      </c>
      <c r="C1276" s="8" t="s">
        <v>1326</v>
      </c>
      <c r="D1276" s="8">
        <v>1745</v>
      </c>
      <c r="E1276" s="3" t="s">
        <v>2247</v>
      </c>
      <c r="F1276" s="6" t="s">
        <v>2248</v>
      </c>
      <c r="G1276" s="3" t="s">
        <v>16</v>
      </c>
      <c r="H1276" s="3" t="s">
        <v>17</v>
      </c>
      <c r="I1276" s="3" t="s">
        <v>138</v>
      </c>
      <c r="J1276" s="3" t="s">
        <v>2249</v>
      </c>
      <c r="K1276" s="4">
        <v>43370</v>
      </c>
    </row>
    <row r="1277" spans="1:11" ht="270" x14ac:dyDescent="0.25">
      <c r="A1277" s="6" t="s">
        <v>2279</v>
      </c>
      <c r="B1277" s="8" t="s">
        <v>12</v>
      </c>
      <c r="C1277" s="8">
        <v>1921</v>
      </c>
      <c r="D1277" s="8">
        <v>1921</v>
      </c>
      <c r="E1277" s="3" t="s">
        <v>2280</v>
      </c>
      <c r="F1277" s="6" t="s">
        <v>2281</v>
      </c>
      <c r="G1277" s="3" t="s">
        <v>16</v>
      </c>
      <c r="H1277" s="3" t="s">
        <v>17</v>
      </c>
      <c r="I1277" s="3" t="s">
        <v>18</v>
      </c>
      <c r="J1277" s="3" t="s">
        <v>2282</v>
      </c>
      <c r="K1277" s="4">
        <v>43370</v>
      </c>
    </row>
    <row r="1278" spans="1:11" ht="150" x14ac:dyDescent="0.25">
      <c r="A1278" s="6" t="s">
        <v>2283</v>
      </c>
      <c r="B1278" s="8" t="s">
        <v>12</v>
      </c>
      <c r="C1278" s="8">
        <v>1574</v>
      </c>
      <c r="D1278" s="8">
        <v>1574</v>
      </c>
      <c r="E1278" s="3" t="s">
        <v>2284</v>
      </c>
      <c r="F1278" s="6" t="s">
        <v>2285</v>
      </c>
      <c r="G1278" s="3" t="s">
        <v>16</v>
      </c>
      <c r="H1278" s="3" t="s">
        <v>30</v>
      </c>
      <c r="I1278" s="3" t="s">
        <v>264</v>
      </c>
      <c r="J1278" s="3" t="s">
        <v>2286</v>
      </c>
      <c r="K1278" s="4">
        <v>43370</v>
      </c>
    </row>
    <row r="1279" spans="1:11" ht="30" x14ac:dyDescent="0.25">
      <c r="A1279" s="6" t="s">
        <v>2511</v>
      </c>
      <c r="B1279" s="8" t="s">
        <v>12</v>
      </c>
      <c r="C1279" s="8">
        <v>1864</v>
      </c>
      <c r="D1279" s="8">
        <v>1864</v>
      </c>
      <c r="E1279" s="3" t="s">
        <v>2512</v>
      </c>
      <c r="F1279" s="6" t="s">
        <v>2513</v>
      </c>
      <c r="G1279" s="3" t="s">
        <v>16</v>
      </c>
      <c r="H1279" s="3" t="s">
        <v>17</v>
      </c>
      <c r="I1279" s="3" t="s">
        <v>18</v>
      </c>
      <c r="J1279" s="3" t="s">
        <v>13</v>
      </c>
      <c r="K1279" s="4">
        <v>43370</v>
      </c>
    </row>
    <row r="1280" spans="1:11" ht="30" x14ac:dyDescent="0.25">
      <c r="A1280" s="6" t="s">
        <v>2519</v>
      </c>
      <c r="B1280" s="8" t="s">
        <v>12</v>
      </c>
      <c r="C1280" s="8">
        <v>1793</v>
      </c>
      <c r="D1280" s="8">
        <v>1793</v>
      </c>
      <c r="E1280" s="3" t="s">
        <v>2520</v>
      </c>
      <c r="F1280" s="6" t="s">
        <v>2521</v>
      </c>
      <c r="G1280" s="3" t="s">
        <v>16</v>
      </c>
      <c r="H1280" s="3" t="s">
        <v>17</v>
      </c>
      <c r="I1280" s="3" t="s">
        <v>18</v>
      </c>
      <c r="J1280" s="3" t="s">
        <v>2522</v>
      </c>
      <c r="K1280" s="4">
        <v>43370</v>
      </c>
    </row>
    <row r="1281" spans="1:11" ht="75" x14ac:dyDescent="0.25">
      <c r="A1281" s="6" t="s">
        <v>2633</v>
      </c>
      <c r="B1281" s="8" t="s">
        <v>12</v>
      </c>
      <c r="C1281" s="8">
        <v>1814</v>
      </c>
      <c r="D1281" s="8">
        <v>1814</v>
      </c>
      <c r="E1281" s="3" t="s">
        <v>2634</v>
      </c>
      <c r="F1281" s="6" t="s">
        <v>2635</v>
      </c>
      <c r="G1281" s="3" t="s">
        <v>16</v>
      </c>
      <c r="H1281" s="3" t="s">
        <v>17</v>
      </c>
      <c r="I1281" s="3" t="s">
        <v>18</v>
      </c>
      <c r="J1281" s="3" t="s">
        <v>2636</v>
      </c>
      <c r="K1281" s="4">
        <v>43370</v>
      </c>
    </row>
    <row r="1282" spans="1:11" ht="45" x14ac:dyDescent="0.25">
      <c r="A1282" s="6" t="s">
        <v>2678</v>
      </c>
      <c r="B1282" s="8" t="s">
        <v>12</v>
      </c>
      <c r="C1282" s="8" t="s">
        <v>13</v>
      </c>
      <c r="D1282" s="8">
        <v>1916</v>
      </c>
      <c r="E1282" s="3" t="s">
        <v>13</v>
      </c>
      <c r="F1282" s="6" t="s">
        <v>2679</v>
      </c>
      <c r="G1282" s="3" t="s">
        <v>16</v>
      </c>
      <c r="H1282" s="3" t="s">
        <v>17</v>
      </c>
      <c r="I1282" s="3" t="s">
        <v>2680</v>
      </c>
      <c r="J1282" s="3" t="s">
        <v>2681</v>
      </c>
      <c r="K1282" s="4">
        <v>43370</v>
      </c>
    </row>
    <row r="1283" spans="1:11" ht="105" x14ac:dyDescent="0.25">
      <c r="A1283" s="6" t="s">
        <v>2744</v>
      </c>
      <c r="B1283" s="8" t="s">
        <v>12</v>
      </c>
      <c r="C1283" s="8" t="s">
        <v>2745</v>
      </c>
      <c r="D1283" s="9">
        <v>1528</v>
      </c>
      <c r="E1283" s="3" t="s">
        <v>1070</v>
      </c>
      <c r="F1283" s="6" t="s">
        <v>2746</v>
      </c>
      <c r="G1283" s="3" t="s">
        <v>16</v>
      </c>
      <c r="H1283" s="3" t="s">
        <v>17</v>
      </c>
      <c r="I1283" s="3" t="s">
        <v>18</v>
      </c>
      <c r="J1283" s="3" t="s">
        <v>13</v>
      </c>
      <c r="K1283" s="4">
        <v>43370</v>
      </c>
    </row>
    <row r="1284" spans="1:11" x14ac:dyDescent="0.25">
      <c r="A1284" s="6" t="s">
        <v>2829</v>
      </c>
      <c r="B1284" s="8" t="s">
        <v>12</v>
      </c>
      <c r="C1284" s="8" t="s">
        <v>13</v>
      </c>
      <c r="D1284" s="8">
        <v>1814</v>
      </c>
      <c r="E1284" s="3" t="s">
        <v>13</v>
      </c>
      <c r="F1284" s="6" t="s">
        <v>2830</v>
      </c>
      <c r="G1284" s="3" t="s">
        <v>16</v>
      </c>
      <c r="H1284" s="3" t="s">
        <v>17</v>
      </c>
      <c r="I1284" s="3" t="s">
        <v>13</v>
      </c>
      <c r="J1284" s="3" t="s">
        <v>13</v>
      </c>
      <c r="K1284" s="4">
        <v>43370</v>
      </c>
    </row>
    <row r="1285" spans="1:11" ht="135" x14ac:dyDescent="0.25">
      <c r="A1285" s="6" t="s">
        <v>2982</v>
      </c>
      <c r="B1285" s="8" t="s">
        <v>12</v>
      </c>
      <c r="C1285" s="8" t="s">
        <v>2983</v>
      </c>
      <c r="D1285" s="8" t="s">
        <v>2984</v>
      </c>
      <c r="E1285" s="3" t="s">
        <v>13</v>
      </c>
      <c r="F1285" s="6" t="s">
        <v>2985</v>
      </c>
      <c r="G1285" s="3" t="s">
        <v>16</v>
      </c>
      <c r="H1285" s="3" t="s">
        <v>17</v>
      </c>
      <c r="I1285" s="3" t="s">
        <v>13</v>
      </c>
      <c r="J1285" s="3" t="s">
        <v>2986</v>
      </c>
      <c r="K1285" s="4">
        <v>43370</v>
      </c>
    </row>
    <row r="1286" spans="1:11" ht="30" x14ac:dyDescent="0.25">
      <c r="A1286" s="6" t="s">
        <v>3043</v>
      </c>
      <c r="B1286" s="8" t="s">
        <v>12</v>
      </c>
      <c r="C1286" s="8">
        <v>1844</v>
      </c>
      <c r="D1286" s="8">
        <v>1844</v>
      </c>
      <c r="E1286" s="3" t="s">
        <v>3044</v>
      </c>
      <c r="F1286" s="6" t="s">
        <v>3045</v>
      </c>
      <c r="G1286" s="3" t="s">
        <v>16</v>
      </c>
      <c r="H1286" s="3" t="s">
        <v>24</v>
      </c>
      <c r="I1286" s="3" t="s">
        <v>18</v>
      </c>
      <c r="J1286" s="3" t="s">
        <v>13</v>
      </c>
      <c r="K1286" s="4">
        <v>43370</v>
      </c>
    </row>
    <row r="1287" spans="1:11" ht="45" x14ac:dyDescent="0.25">
      <c r="A1287" s="6" t="s">
        <v>3171</v>
      </c>
      <c r="B1287" s="8" t="s">
        <v>12</v>
      </c>
      <c r="C1287" s="8" t="s">
        <v>13</v>
      </c>
      <c r="D1287" s="8">
        <v>1842</v>
      </c>
      <c r="E1287" s="3" t="s">
        <v>13</v>
      </c>
      <c r="F1287" s="6" t="s">
        <v>3172</v>
      </c>
      <c r="G1287" s="3" t="s">
        <v>16</v>
      </c>
      <c r="H1287" s="3" t="s">
        <v>17</v>
      </c>
      <c r="I1287" s="3" t="s">
        <v>138</v>
      </c>
      <c r="J1287" s="3" t="s">
        <v>3173</v>
      </c>
      <c r="K1287" s="4">
        <v>43370</v>
      </c>
    </row>
    <row r="1288" spans="1:11" ht="60" x14ac:dyDescent="0.25">
      <c r="A1288" s="6" t="s">
        <v>3244</v>
      </c>
      <c r="B1288" s="8" t="s">
        <v>12</v>
      </c>
      <c r="C1288" s="8">
        <v>1913</v>
      </c>
      <c r="D1288" s="8">
        <v>1913</v>
      </c>
      <c r="E1288" s="3" t="s">
        <v>3245</v>
      </c>
      <c r="F1288" s="6" t="s">
        <v>3246</v>
      </c>
      <c r="G1288" s="3" t="s">
        <v>16</v>
      </c>
      <c r="H1288" s="3" t="s">
        <v>170</v>
      </c>
      <c r="I1288" s="3" t="s">
        <v>3247</v>
      </c>
      <c r="J1288" s="3" t="s">
        <v>3248</v>
      </c>
      <c r="K1288" s="4">
        <v>43370</v>
      </c>
    </row>
    <row r="1289" spans="1:11" ht="75" x14ac:dyDescent="0.25">
      <c r="A1289" s="6" t="s">
        <v>3318</v>
      </c>
      <c r="B1289" s="8" t="s">
        <v>12</v>
      </c>
      <c r="C1289" s="8" t="s">
        <v>3319</v>
      </c>
      <c r="D1289" s="8">
        <v>1867</v>
      </c>
      <c r="E1289" s="3" t="s">
        <v>230</v>
      </c>
      <c r="F1289" s="6" t="s">
        <v>3320</v>
      </c>
      <c r="G1289" s="3" t="s">
        <v>16</v>
      </c>
      <c r="H1289" s="3" t="s">
        <v>17</v>
      </c>
      <c r="I1289" s="3" t="s">
        <v>18</v>
      </c>
      <c r="J1289" s="3" t="s">
        <v>3321</v>
      </c>
      <c r="K1289" s="4">
        <v>43370</v>
      </c>
    </row>
    <row r="1290" spans="1:11" ht="45" x14ac:dyDescent="0.25">
      <c r="A1290" s="6" t="s">
        <v>3412</v>
      </c>
      <c r="B1290" s="8" t="s">
        <v>12</v>
      </c>
      <c r="C1290" s="8">
        <v>1919</v>
      </c>
      <c r="D1290" s="8">
        <v>1919</v>
      </c>
      <c r="E1290" s="3" t="s">
        <v>2259</v>
      </c>
      <c r="F1290" s="6" t="s">
        <v>3413</v>
      </c>
      <c r="G1290" s="3" t="s">
        <v>16</v>
      </c>
      <c r="H1290" s="3" t="s">
        <v>17</v>
      </c>
      <c r="I1290" s="3" t="s">
        <v>18</v>
      </c>
      <c r="J1290" s="3" t="s">
        <v>3414</v>
      </c>
      <c r="K1290" s="4">
        <v>43370</v>
      </c>
    </row>
    <row r="1291" spans="1:11" x14ac:dyDescent="0.25">
      <c r="A1291" s="6" t="s">
        <v>3514</v>
      </c>
      <c r="B1291" s="8" t="s">
        <v>12</v>
      </c>
      <c r="C1291" s="8" t="s">
        <v>3515</v>
      </c>
      <c r="D1291" s="8">
        <v>1876</v>
      </c>
      <c r="E1291" s="3" t="s">
        <v>13</v>
      </c>
      <c r="F1291" s="6" t="s">
        <v>3516</v>
      </c>
      <c r="G1291" s="3" t="s">
        <v>16</v>
      </c>
      <c r="H1291" s="3" t="s">
        <v>170</v>
      </c>
      <c r="I1291" s="3" t="s">
        <v>171</v>
      </c>
      <c r="J1291" s="3" t="s">
        <v>3517</v>
      </c>
      <c r="K1291" s="4">
        <v>43370</v>
      </c>
    </row>
    <row r="1292" spans="1:11" ht="60" x14ac:dyDescent="0.25">
      <c r="A1292" s="6" t="s">
        <v>3576</v>
      </c>
      <c r="B1292" s="8" t="s">
        <v>12</v>
      </c>
      <c r="C1292" s="8" t="s">
        <v>3577</v>
      </c>
      <c r="D1292" s="8" t="s">
        <v>3577</v>
      </c>
      <c r="E1292" s="3" t="s">
        <v>980</v>
      </c>
      <c r="F1292" s="6" t="s">
        <v>3578</v>
      </c>
      <c r="G1292" s="3" t="s">
        <v>16</v>
      </c>
      <c r="H1292" s="3" t="s">
        <v>17</v>
      </c>
      <c r="I1292" s="3" t="s">
        <v>250</v>
      </c>
      <c r="J1292" s="3" t="s">
        <v>3579</v>
      </c>
      <c r="K1292" s="4">
        <v>43370</v>
      </c>
    </row>
    <row r="1293" spans="1:11" ht="75" x14ac:dyDescent="0.25">
      <c r="A1293" s="6" t="s">
        <v>3605</v>
      </c>
      <c r="B1293" s="8" t="s">
        <v>12</v>
      </c>
      <c r="C1293" s="8" t="s">
        <v>13</v>
      </c>
      <c r="D1293" s="8">
        <v>1841</v>
      </c>
      <c r="E1293" s="3" t="s">
        <v>13</v>
      </c>
      <c r="F1293" s="6" t="s">
        <v>3606</v>
      </c>
      <c r="G1293" s="3" t="s">
        <v>16</v>
      </c>
      <c r="H1293" s="3" t="s">
        <v>17</v>
      </c>
      <c r="I1293" s="3" t="s">
        <v>13</v>
      </c>
      <c r="J1293" s="3" t="s">
        <v>876</v>
      </c>
      <c r="K1293" s="4">
        <v>43370</v>
      </c>
    </row>
    <row r="1294" spans="1:11" x14ac:dyDescent="0.25">
      <c r="A1294" s="6" t="s">
        <v>3699</v>
      </c>
      <c r="B1294" s="8" t="s">
        <v>12</v>
      </c>
      <c r="C1294" s="8" t="s">
        <v>1892</v>
      </c>
      <c r="D1294" s="8">
        <v>1741</v>
      </c>
      <c r="E1294" s="3" t="s">
        <v>3700</v>
      </c>
      <c r="F1294" s="6" t="s">
        <v>3701</v>
      </c>
      <c r="G1294" s="3" t="s">
        <v>16</v>
      </c>
      <c r="H1294" s="3" t="s">
        <v>17</v>
      </c>
      <c r="I1294" s="3" t="s">
        <v>18</v>
      </c>
      <c r="J1294" s="3" t="s">
        <v>3702</v>
      </c>
      <c r="K1294" s="4">
        <v>43370</v>
      </c>
    </row>
    <row r="1295" spans="1:11" ht="30" x14ac:dyDescent="0.25">
      <c r="A1295" s="6" t="s">
        <v>3714</v>
      </c>
      <c r="B1295" s="8" t="s">
        <v>12</v>
      </c>
      <c r="C1295" s="8">
        <v>1836</v>
      </c>
      <c r="D1295" s="8">
        <v>1836</v>
      </c>
      <c r="E1295" s="3" t="s">
        <v>13</v>
      </c>
      <c r="F1295" s="6" t="s">
        <v>3715</v>
      </c>
      <c r="G1295" s="3" t="s">
        <v>16</v>
      </c>
      <c r="H1295" s="3" t="s">
        <v>17</v>
      </c>
      <c r="I1295" s="3" t="s">
        <v>13</v>
      </c>
      <c r="J1295" s="3" t="s">
        <v>13</v>
      </c>
      <c r="K1295" s="4">
        <v>43370</v>
      </c>
    </row>
    <row r="1296" spans="1:11" ht="105" x14ac:dyDescent="0.25">
      <c r="A1296" s="6" t="s">
        <v>3719</v>
      </c>
      <c r="B1296" s="8" t="s">
        <v>12</v>
      </c>
      <c r="C1296" s="8" t="s">
        <v>13</v>
      </c>
      <c r="D1296" s="8">
        <v>1839</v>
      </c>
      <c r="E1296" s="3" t="s">
        <v>2885</v>
      </c>
      <c r="F1296" s="6" t="s">
        <v>3720</v>
      </c>
      <c r="G1296" s="3" t="s">
        <v>16</v>
      </c>
      <c r="H1296" s="3" t="s">
        <v>17</v>
      </c>
      <c r="I1296" s="3" t="s">
        <v>18</v>
      </c>
      <c r="J1296" s="3" t="s">
        <v>710</v>
      </c>
      <c r="K1296" s="4">
        <v>43370</v>
      </c>
    </row>
    <row r="1297" spans="1:11" ht="180" x14ac:dyDescent="0.25">
      <c r="A1297" s="6" t="s">
        <v>3732</v>
      </c>
      <c r="B1297" s="8" t="s">
        <v>12</v>
      </c>
      <c r="C1297" s="8" t="s">
        <v>407</v>
      </c>
      <c r="D1297" s="8">
        <v>1837</v>
      </c>
      <c r="E1297" s="3" t="s">
        <v>3733</v>
      </c>
      <c r="F1297" s="6" t="s">
        <v>3734</v>
      </c>
      <c r="G1297" s="3" t="s">
        <v>16</v>
      </c>
      <c r="H1297" s="3" t="s">
        <v>17</v>
      </c>
      <c r="I1297" s="3" t="s">
        <v>18</v>
      </c>
      <c r="J1297" s="3" t="s">
        <v>3735</v>
      </c>
      <c r="K1297" s="4">
        <v>43370</v>
      </c>
    </row>
    <row r="1298" spans="1:11" ht="30" x14ac:dyDescent="0.25">
      <c r="A1298" s="6" t="s">
        <v>3793</v>
      </c>
      <c r="B1298" s="8" t="s">
        <v>12</v>
      </c>
      <c r="C1298" s="8">
        <v>1695</v>
      </c>
      <c r="D1298" s="8">
        <v>1695</v>
      </c>
      <c r="E1298" s="3" t="s">
        <v>3794</v>
      </c>
      <c r="F1298" s="6" t="s">
        <v>3795</v>
      </c>
      <c r="G1298" s="3" t="s">
        <v>16</v>
      </c>
      <c r="H1298" s="3" t="s">
        <v>17</v>
      </c>
      <c r="I1298" s="3" t="s">
        <v>18</v>
      </c>
      <c r="J1298" s="3" t="s">
        <v>3796</v>
      </c>
      <c r="K1298" s="4">
        <v>43370</v>
      </c>
    </row>
    <row r="1299" spans="1:11" ht="60" x14ac:dyDescent="0.25">
      <c r="A1299" s="6" t="s">
        <v>3834</v>
      </c>
      <c r="B1299" s="8" t="s">
        <v>12</v>
      </c>
      <c r="C1299" s="8" t="s">
        <v>3835</v>
      </c>
      <c r="D1299" s="8">
        <v>1857</v>
      </c>
      <c r="E1299" s="3" t="s">
        <v>1929</v>
      </c>
      <c r="F1299" s="6" t="s">
        <v>3836</v>
      </c>
      <c r="G1299" s="3" t="s">
        <v>16</v>
      </c>
      <c r="H1299" s="3" t="s">
        <v>17</v>
      </c>
      <c r="I1299" s="3" t="s">
        <v>18</v>
      </c>
      <c r="J1299" s="3" t="s">
        <v>3837</v>
      </c>
      <c r="K1299" s="4">
        <v>43370</v>
      </c>
    </row>
    <row r="1300" spans="1:11" ht="45" x14ac:dyDescent="0.25">
      <c r="A1300" s="6" t="s">
        <v>3872</v>
      </c>
      <c r="B1300" s="8" t="s">
        <v>12</v>
      </c>
      <c r="C1300" s="9">
        <v>1017</v>
      </c>
      <c r="D1300" s="9">
        <v>1017</v>
      </c>
      <c r="E1300" s="3" t="s">
        <v>3873</v>
      </c>
      <c r="F1300" s="6" t="s">
        <v>3874</v>
      </c>
      <c r="G1300" s="3" t="s">
        <v>16</v>
      </c>
      <c r="H1300" s="3" t="s">
        <v>17</v>
      </c>
      <c r="I1300" s="3" t="s">
        <v>1573</v>
      </c>
      <c r="J1300" s="3" t="s">
        <v>3875</v>
      </c>
      <c r="K1300" s="4">
        <v>43370</v>
      </c>
    </row>
    <row r="1301" spans="1:11" ht="45" x14ac:dyDescent="0.25">
      <c r="A1301" s="6" t="s">
        <v>3907</v>
      </c>
      <c r="B1301" s="8" t="s">
        <v>12</v>
      </c>
      <c r="C1301" s="8">
        <v>1852</v>
      </c>
      <c r="D1301" s="8">
        <v>1852</v>
      </c>
      <c r="E1301" s="3" t="s">
        <v>230</v>
      </c>
      <c r="F1301" s="6" t="s">
        <v>3908</v>
      </c>
      <c r="G1301" s="3" t="s">
        <v>16</v>
      </c>
      <c r="H1301" s="3" t="s">
        <v>302</v>
      </c>
      <c r="I1301" s="3" t="s">
        <v>18</v>
      </c>
      <c r="J1301" s="3" t="s">
        <v>3909</v>
      </c>
      <c r="K1301" s="4">
        <v>43370</v>
      </c>
    </row>
    <row r="1302" spans="1:11" ht="90" x14ac:dyDescent="0.25">
      <c r="A1302" s="6" t="s">
        <v>3927</v>
      </c>
      <c r="B1302" s="8" t="s">
        <v>12</v>
      </c>
      <c r="C1302" s="8">
        <v>1848</v>
      </c>
      <c r="D1302" s="8">
        <v>1848</v>
      </c>
      <c r="E1302" s="3" t="s">
        <v>13</v>
      </c>
      <c r="F1302" s="6" t="s">
        <v>3928</v>
      </c>
      <c r="G1302" s="3" t="s">
        <v>16</v>
      </c>
      <c r="H1302" s="3" t="s">
        <v>17</v>
      </c>
      <c r="I1302" s="3" t="s">
        <v>13</v>
      </c>
      <c r="J1302" s="3" t="s">
        <v>3929</v>
      </c>
      <c r="K1302" s="4">
        <v>43370</v>
      </c>
    </row>
    <row r="1303" spans="1:11" ht="75" x14ac:dyDescent="0.25">
      <c r="A1303" s="6" t="s">
        <v>3980</v>
      </c>
      <c r="B1303" s="8" t="s">
        <v>12</v>
      </c>
      <c r="C1303" s="8">
        <v>1871</v>
      </c>
      <c r="D1303" s="8">
        <v>1871</v>
      </c>
      <c r="E1303" s="3" t="s">
        <v>3981</v>
      </c>
      <c r="F1303" s="6" t="s">
        <v>3982</v>
      </c>
      <c r="G1303" s="3" t="s">
        <v>16</v>
      </c>
      <c r="H1303" s="3" t="s">
        <v>17</v>
      </c>
      <c r="I1303" s="3" t="s">
        <v>121</v>
      </c>
      <c r="J1303" s="3" t="s">
        <v>3983</v>
      </c>
      <c r="K1303" s="4">
        <v>43370</v>
      </c>
    </row>
    <row r="1304" spans="1:11" ht="45" x14ac:dyDescent="0.25">
      <c r="A1304" s="6" t="s">
        <v>4073</v>
      </c>
      <c r="B1304" s="8" t="s">
        <v>12</v>
      </c>
      <c r="C1304" s="8" t="s">
        <v>652</v>
      </c>
      <c r="D1304" s="8">
        <v>1867</v>
      </c>
      <c r="E1304" s="3" t="s">
        <v>507</v>
      </c>
      <c r="F1304" s="6" t="s">
        <v>4074</v>
      </c>
      <c r="G1304" s="3" t="s">
        <v>16</v>
      </c>
      <c r="H1304" s="3" t="s">
        <v>17</v>
      </c>
      <c r="I1304" s="3" t="s">
        <v>18</v>
      </c>
      <c r="J1304" s="3" t="s">
        <v>3279</v>
      </c>
      <c r="K1304" s="4">
        <v>43370</v>
      </c>
    </row>
    <row r="1305" spans="1:11" ht="30" x14ac:dyDescent="0.25">
      <c r="A1305" s="6" t="s">
        <v>4106</v>
      </c>
      <c r="B1305" s="8" t="s">
        <v>12</v>
      </c>
      <c r="C1305" s="8">
        <v>1694</v>
      </c>
      <c r="D1305" s="8">
        <v>1694</v>
      </c>
      <c r="E1305" s="3" t="s">
        <v>4107</v>
      </c>
      <c r="F1305" s="6" t="s">
        <v>4108</v>
      </c>
      <c r="G1305" s="3" t="s">
        <v>16</v>
      </c>
      <c r="H1305" s="3" t="s">
        <v>17</v>
      </c>
      <c r="I1305" s="3" t="s">
        <v>18</v>
      </c>
      <c r="J1305" s="3" t="s">
        <v>4109</v>
      </c>
      <c r="K1305" s="4">
        <v>43370</v>
      </c>
    </row>
    <row r="1306" spans="1:11" ht="45" x14ac:dyDescent="0.25">
      <c r="A1306" s="6" t="s">
        <v>4142</v>
      </c>
      <c r="B1306" s="8" t="s">
        <v>12</v>
      </c>
      <c r="C1306" s="8">
        <v>1808</v>
      </c>
      <c r="D1306" s="8">
        <v>1808</v>
      </c>
      <c r="E1306" s="3" t="s">
        <v>13</v>
      </c>
      <c r="F1306" s="6" t="s">
        <v>4143</v>
      </c>
      <c r="G1306" s="3" t="s">
        <v>16</v>
      </c>
      <c r="H1306" s="3" t="s">
        <v>17</v>
      </c>
      <c r="I1306" s="3" t="s">
        <v>18</v>
      </c>
      <c r="J1306" s="3" t="s">
        <v>4144</v>
      </c>
      <c r="K1306" s="4">
        <v>43370</v>
      </c>
    </row>
    <row r="1307" spans="1:11" ht="165" x14ac:dyDescent="0.25">
      <c r="A1307" s="6" t="s">
        <v>4145</v>
      </c>
      <c r="B1307" s="8" t="s">
        <v>12</v>
      </c>
      <c r="C1307" s="8" t="s">
        <v>4146</v>
      </c>
      <c r="D1307" s="8" t="s">
        <v>4147</v>
      </c>
      <c r="E1307" s="3" t="s">
        <v>4148</v>
      </c>
      <c r="F1307" s="6" t="s">
        <v>4149</v>
      </c>
      <c r="G1307" s="3" t="s">
        <v>16</v>
      </c>
      <c r="H1307" s="3" t="s">
        <v>17</v>
      </c>
      <c r="I1307" s="3" t="s">
        <v>18</v>
      </c>
      <c r="J1307" s="3" t="s">
        <v>1984</v>
      </c>
      <c r="K1307" s="4">
        <v>43370</v>
      </c>
    </row>
    <row r="1308" spans="1:11" ht="90" x14ac:dyDescent="0.25">
      <c r="A1308" s="6" t="s">
        <v>4167</v>
      </c>
      <c r="B1308" s="8" t="s">
        <v>12</v>
      </c>
      <c r="C1308" s="8">
        <v>1875</v>
      </c>
      <c r="D1308" s="8">
        <v>1875</v>
      </c>
      <c r="E1308" s="3" t="s">
        <v>2535</v>
      </c>
      <c r="F1308" s="6" t="s">
        <v>4168</v>
      </c>
      <c r="G1308" s="3" t="s">
        <v>16</v>
      </c>
      <c r="H1308" s="3" t="s">
        <v>17</v>
      </c>
      <c r="I1308" s="3" t="s">
        <v>18</v>
      </c>
      <c r="J1308" s="3" t="s">
        <v>1324</v>
      </c>
      <c r="K1308" s="4">
        <v>43370</v>
      </c>
    </row>
    <row r="1309" spans="1:11" ht="30" x14ac:dyDescent="0.25">
      <c r="A1309" s="6" t="s">
        <v>4186</v>
      </c>
      <c r="B1309" s="8" t="s">
        <v>12</v>
      </c>
      <c r="C1309" s="8">
        <v>1838</v>
      </c>
      <c r="D1309" s="8">
        <v>1838</v>
      </c>
      <c r="E1309" s="3" t="s">
        <v>4187</v>
      </c>
      <c r="F1309" s="6" t="s">
        <v>4188</v>
      </c>
      <c r="G1309" s="3" t="s">
        <v>16</v>
      </c>
      <c r="H1309" s="3" t="s">
        <v>17</v>
      </c>
      <c r="I1309" s="3" t="s">
        <v>18</v>
      </c>
      <c r="J1309" s="3" t="s">
        <v>13</v>
      </c>
      <c r="K1309" s="4">
        <v>43370</v>
      </c>
    </row>
    <row r="1310" spans="1:11" ht="120" x14ac:dyDescent="0.25">
      <c r="A1310" s="6" t="s">
        <v>4247</v>
      </c>
      <c r="B1310" s="8" t="s">
        <v>12</v>
      </c>
      <c r="C1310" s="8">
        <v>1832</v>
      </c>
      <c r="D1310" s="8">
        <v>1832</v>
      </c>
      <c r="E1310" s="3" t="s">
        <v>4248</v>
      </c>
      <c r="F1310" s="6" t="s">
        <v>4249</v>
      </c>
      <c r="G1310" s="3" t="s">
        <v>16</v>
      </c>
      <c r="H1310" s="3" t="s">
        <v>302</v>
      </c>
      <c r="I1310" s="3" t="s">
        <v>18</v>
      </c>
      <c r="J1310" s="3" t="s">
        <v>4250</v>
      </c>
      <c r="K1310" s="4">
        <v>43370</v>
      </c>
    </row>
    <row r="1311" spans="1:11" ht="30" x14ac:dyDescent="0.25">
      <c r="A1311" s="6" t="s">
        <v>4272</v>
      </c>
      <c r="B1311" s="8" t="s">
        <v>12</v>
      </c>
      <c r="C1311" s="8" t="s">
        <v>2422</v>
      </c>
      <c r="D1311" s="8">
        <v>1847</v>
      </c>
      <c r="E1311" s="3" t="s">
        <v>3085</v>
      </c>
      <c r="F1311" s="6" t="s">
        <v>4273</v>
      </c>
      <c r="G1311" s="3" t="s">
        <v>16</v>
      </c>
      <c r="H1311" s="3" t="s">
        <v>17</v>
      </c>
      <c r="I1311" s="3" t="s">
        <v>250</v>
      </c>
      <c r="J1311" s="3" t="s">
        <v>3444</v>
      </c>
      <c r="K1311" s="4">
        <v>43370</v>
      </c>
    </row>
    <row r="1312" spans="1:11" ht="45" x14ac:dyDescent="0.25">
      <c r="A1312" s="6" t="s">
        <v>4294</v>
      </c>
      <c r="B1312" s="8" t="s">
        <v>12</v>
      </c>
      <c r="C1312" s="8">
        <v>1895</v>
      </c>
      <c r="D1312" s="8">
        <v>1895</v>
      </c>
      <c r="E1312" s="3" t="s">
        <v>13</v>
      </c>
      <c r="F1312" s="6" t="s">
        <v>4295</v>
      </c>
      <c r="G1312" s="3" t="s">
        <v>16</v>
      </c>
      <c r="H1312" s="3" t="s">
        <v>17</v>
      </c>
      <c r="I1312" s="3" t="s">
        <v>18</v>
      </c>
      <c r="J1312" s="3" t="s">
        <v>1028</v>
      </c>
      <c r="K1312" s="4">
        <v>43370</v>
      </c>
    </row>
    <row r="1313" spans="1:11" ht="30" x14ac:dyDescent="0.25">
      <c r="A1313" s="6" t="s">
        <v>4321</v>
      </c>
      <c r="B1313" s="8" t="s">
        <v>12</v>
      </c>
      <c r="C1313" s="8" t="s">
        <v>4322</v>
      </c>
      <c r="D1313" s="8">
        <v>1851</v>
      </c>
      <c r="E1313" s="3" t="s">
        <v>230</v>
      </c>
      <c r="F1313" s="6" t="s">
        <v>4323</v>
      </c>
      <c r="G1313" s="3" t="s">
        <v>16</v>
      </c>
      <c r="H1313" s="3" t="s">
        <v>17</v>
      </c>
      <c r="I1313" s="3" t="s">
        <v>18</v>
      </c>
      <c r="J1313" s="3" t="s">
        <v>13</v>
      </c>
      <c r="K1313" s="4">
        <v>43370</v>
      </c>
    </row>
    <row r="1314" spans="1:11" ht="45" x14ac:dyDescent="0.25">
      <c r="A1314" s="6" t="s">
        <v>4328</v>
      </c>
      <c r="B1314" s="8" t="s">
        <v>12</v>
      </c>
      <c r="C1314" s="8">
        <v>1852</v>
      </c>
      <c r="D1314" s="8">
        <v>1852</v>
      </c>
      <c r="E1314" s="3" t="s">
        <v>4329</v>
      </c>
      <c r="F1314" s="6" t="s">
        <v>4330</v>
      </c>
      <c r="G1314" s="3" t="s">
        <v>16</v>
      </c>
      <c r="H1314" s="3" t="s">
        <v>17</v>
      </c>
      <c r="I1314" s="3" t="s">
        <v>18</v>
      </c>
      <c r="J1314" s="3" t="s">
        <v>4331</v>
      </c>
      <c r="K1314" s="4">
        <v>43370</v>
      </c>
    </row>
    <row r="1315" spans="1:11" ht="30" x14ac:dyDescent="0.25">
      <c r="A1315" s="6" t="s">
        <v>4423</v>
      </c>
      <c r="B1315" s="8" t="s">
        <v>12</v>
      </c>
      <c r="C1315" s="8">
        <v>1879</v>
      </c>
      <c r="D1315" s="8">
        <v>1879</v>
      </c>
      <c r="E1315" s="3" t="s">
        <v>13</v>
      </c>
      <c r="F1315" s="6" t="s">
        <v>4424</v>
      </c>
      <c r="G1315" s="3" t="s">
        <v>16</v>
      </c>
      <c r="H1315" s="3" t="s">
        <v>17</v>
      </c>
      <c r="I1315" s="3" t="s">
        <v>18</v>
      </c>
      <c r="J1315" s="3" t="s">
        <v>316</v>
      </c>
      <c r="K1315" s="4">
        <v>43370</v>
      </c>
    </row>
    <row r="1316" spans="1:11" ht="30" x14ac:dyDescent="0.25">
      <c r="A1316" s="6" t="s">
        <v>4454</v>
      </c>
      <c r="B1316" s="8" t="s">
        <v>12</v>
      </c>
      <c r="C1316" s="8">
        <v>1814</v>
      </c>
      <c r="D1316" s="8">
        <v>1814</v>
      </c>
      <c r="E1316" s="3" t="s">
        <v>13</v>
      </c>
      <c r="F1316" s="6" t="s">
        <v>4455</v>
      </c>
      <c r="G1316" s="3" t="s">
        <v>16</v>
      </c>
      <c r="H1316" s="3" t="s">
        <v>17</v>
      </c>
      <c r="I1316" s="3" t="s">
        <v>18</v>
      </c>
      <c r="J1316" s="3" t="s">
        <v>13</v>
      </c>
      <c r="K1316" s="4">
        <v>43370</v>
      </c>
    </row>
    <row r="1317" spans="1:11" ht="30" x14ac:dyDescent="0.25">
      <c r="A1317" s="6" t="s">
        <v>4533</v>
      </c>
      <c r="B1317" s="8" t="s">
        <v>12</v>
      </c>
      <c r="C1317" s="8" t="s">
        <v>2241</v>
      </c>
      <c r="D1317" s="8">
        <v>1781</v>
      </c>
      <c r="E1317" s="3" t="s">
        <v>4534</v>
      </c>
      <c r="F1317" s="6" t="s">
        <v>4535</v>
      </c>
      <c r="G1317" s="3" t="s">
        <v>16</v>
      </c>
      <c r="H1317" s="3" t="s">
        <v>17</v>
      </c>
      <c r="I1317" s="3" t="s">
        <v>18</v>
      </c>
      <c r="J1317" s="3" t="s">
        <v>4536</v>
      </c>
      <c r="K1317" s="4">
        <v>43370</v>
      </c>
    </row>
    <row r="1318" spans="1:11" ht="30" x14ac:dyDescent="0.25">
      <c r="A1318" s="6" t="s">
        <v>4565</v>
      </c>
      <c r="B1318" s="8" t="s">
        <v>12</v>
      </c>
      <c r="C1318" s="8">
        <v>1834</v>
      </c>
      <c r="D1318" s="8">
        <v>1834</v>
      </c>
      <c r="E1318" s="3" t="s">
        <v>277</v>
      </c>
      <c r="F1318" s="6" t="s">
        <v>4566</v>
      </c>
      <c r="G1318" s="3" t="s">
        <v>16</v>
      </c>
      <c r="H1318" s="3" t="s">
        <v>17</v>
      </c>
      <c r="I1318" s="3" t="s">
        <v>18</v>
      </c>
      <c r="J1318" s="3" t="s">
        <v>4567</v>
      </c>
      <c r="K1318" s="4">
        <v>43370</v>
      </c>
    </row>
    <row r="1319" spans="1:11" ht="30" x14ac:dyDescent="0.25">
      <c r="A1319" s="6" t="s">
        <v>4745</v>
      </c>
      <c r="B1319" s="8" t="s">
        <v>12</v>
      </c>
      <c r="C1319" s="8" t="s">
        <v>652</v>
      </c>
      <c r="D1319" s="8">
        <v>1886</v>
      </c>
      <c r="E1319" s="3" t="s">
        <v>102</v>
      </c>
      <c r="F1319" s="6" t="s">
        <v>4746</v>
      </c>
      <c r="G1319" s="3" t="s">
        <v>16</v>
      </c>
      <c r="H1319" s="3" t="s">
        <v>17</v>
      </c>
      <c r="I1319" s="3" t="s">
        <v>18</v>
      </c>
      <c r="J1319" s="3" t="s">
        <v>2165</v>
      </c>
      <c r="K1319" s="4">
        <v>43370</v>
      </c>
    </row>
    <row r="1320" spans="1:11" ht="75" x14ac:dyDescent="0.25">
      <c r="A1320" s="6" t="s">
        <v>4801</v>
      </c>
      <c r="B1320" s="8" t="s">
        <v>12</v>
      </c>
      <c r="C1320" s="8" t="s">
        <v>4322</v>
      </c>
      <c r="D1320" s="8">
        <v>1851</v>
      </c>
      <c r="E1320" s="3" t="s">
        <v>980</v>
      </c>
      <c r="F1320" s="6" t="s">
        <v>4802</v>
      </c>
      <c r="G1320" s="3" t="s">
        <v>16</v>
      </c>
      <c r="H1320" s="3" t="s">
        <v>17</v>
      </c>
      <c r="I1320" s="3" t="s">
        <v>250</v>
      </c>
      <c r="J1320" s="3" t="s">
        <v>982</v>
      </c>
      <c r="K1320" s="4">
        <v>43370</v>
      </c>
    </row>
    <row r="1321" spans="1:11" ht="285" x14ac:dyDescent="0.25">
      <c r="A1321" s="6" t="s">
        <v>4805</v>
      </c>
      <c r="B1321" s="8" t="s">
        <v>12</v>
      </c>
      <c r="C1321" s="8">
        <v>1810</v>
      </c>
      <c r="D1321" s="8">
        <v>1810</v>
      </c>
      <c r="E1321" s="3" t="s">
        <v>4806</v>
      </c>
      <c r="F1321" s="6" t="s">
        <v>4807</v>
      </c>
      <c r="G1321" s="3" t="s">
        <v>16</v>
      </c>
      <c r="H1321" s="3" t="s">
        <v>17</v>
      </c>
      <c r="I1321" s="3" t="s">
        <v>18</v>
      </c>
      <c r="J1321" s="3" t="s">
        <v>3894</v>
      </c>
      <c r="K1321" s="4">
        <v>43370</v>
      </c>
    </row>
    <row r="1322" spans="1:11" ht="30" x14ac:dyDescent="0.25">
      <c r="A1322" s="6" t="s">
        <v>4908</v>
      </c>
      <c r="B1322" s="8" t="s">
        <v>12</v>
      </c>
      <c r="C1322" s="8" t="s">
        <v>13</v>
      </c>
      <c r="D1322" s="8">
        <v>1709</v>
      </c>
      <c r="E1322" s="3" t="s">
        <v>4909</v>
      </c>
      <c r="F1322" s="6" t="s">
        <v>4910</v>
      </c>
      <c r="G1322" s="3" t="s">
        <v>16</v>
      </c>
      <c r="H1322" s="3" t="s">
        <v>24</v>
      </c>
      <c r="I1322" s="3" t="s">
        <v>18</v>
      </c>
      <c r="J1322" s="3" t="s">
        <v>4911</v>
      </c>
      <c r="K1322" s="4">
        <v>43370</v>
      </c>
    </row>
    <row r="1323" spans="1:11" ht="150" x14ac:dyDescent="0.25">
      <c r="A1323" s="6" t="s">
        <v>4945</v>
      </c>
      <c r="B1323" s="8" t="s">
        <v>12</v>
      </c>
      <c r="C1323" s="8" t="s">
        <v>4946</v>
      </c>
      <c r="D1323" s="9">
        <v>2706</v>
      </c>
      <c r="E1323" s="3" t="s">
        <v>4947</v>
      </c>
      <c r="F1323" s="6" t="s">
        <v>4948</v>
      </c>
      <c r="G1323" s="3" t="s">
        <v>16</v>
      </c>
      <c r="H1323" s="3" t="s">
        <v>17</v>
      </c>
      <c r="I1323" s="3" t="s">
        <v>18</v>
      </c>
      <c r="J1323" s="3" t="s">
        <v>4949</v>
      </c>
      <c r="K1323" s="4">
        <v>43370</v>
      </c>
    </row>
    <row r="1324" spans="1:11" ht="105" x14ac:dyDescent="0.25">
      <c r="A1324" s="6" t="s">
        <v>5127</v>
      </c>
      <c r="B1324" s="8" t="s">
        <v>12</v>
      </c>
      <c r="C1324" s="8" t="s">
        <v>13</v>
      </c>
      <c r="D1324" s="8">
        <v>1922</v>
      </c>
      <c r="E1324" s="3" t="s">
        <v>5128</v>
      </c>
      <c r="F1324" s="6" t="s">
        <v>5129</v>
      </c>
      <c r="G1324" s="3" t="s">
        <v>16</v>
      </c>
      <c r="H1324" s="3" t="s">
        <v>17</v>
      </c>
      <c r="I1324" s="3" t="s">
        <v>18</v>
      </c>
      <c r="J1324" s="3" t="s">
        <v>5130</v>
      </c>
      <c r="K1324" s="4">
        <v>43370</v>
      </c>
    </row>
    <row r="1325" spans="1:11" ht="60" x14ac:dyDescent="0.25">
      <c r="A1325" s="6" t="s">
        <v>5137</v>
      </c>
      <c r="B1325" s="8" t="s">
        <v>12</v>
      </c>
      <c r="C1325" s="8">
        <v>1866</v>
      </c>
      <c r="D1325" s="8">
        <v>1866</v>
      </c>
      <c r="E1325" s="3" t="s">
        <v>5138</v>
      </c>
      <c r="F1325" s="6" t="s">
        <v>5139</v>
      </c>
      <c r="G1325" s="3" t="s">
        <v>16</v>
      </c>
      <c r="H1325" s="3" t="s">
        <v>17</v>
      </c>
      <c r="I1325" s="3" t="s">
        <v>350</v>
      </c>
      <c r="J1325" s="3" t="s">
        <v>5140</v>
      </c>
      <c r="K1325" s="4">
        <v>43370</v>
      </c>
    </row>
    <row r="1326" spans="1:11" ht="30" x14ac:dyDescent="0.25">
      <c r="A1326" s="6" t="s">
        <v>5291</v>
      </c>
      <c r="B1326" s="8" t="s">
        <v>12</v>
      </c>
      <c r="C1326" s="8" t="s">
        <v>3835</v>
      </c>
      <c r="D1326" s="8">
        <v>1857</v>
      </c>
      <c r="E1326" s="3" t="s">
        <v>5292</v>
      </c>
      <c r="F1326" s="6" t="s">
        <v>5293</v>
      </c>
      <c r="G1326" s="3" t="s">
        <v>16</v>
      </c>
      <c r="H1326" s="3" t="s">
        <v>17</v>
      </c>
      <c r="I1326" s="3" t="s">
        <v>250</v>
      </c>
      <c r="J1326" s="3" t="s">
        <v>5294</v>
      </c>
      <c r="K1326" s="4">
        <v>43370</v>
      </c>
    </row>
    <row r="1327" spans="1:11" ht="105" x14ac:dyDescent="0.25">
      <c r="A1327" s="6" t="s">
        <v>5327</v>
      </c>
      <c r="B1327" s="8" t="s">
        <v>12</v>
      </c>
      <c r="C1327" s="8">
        <v>1873</v>
      </c>
      <c r="D1327" s="8">
        <v>1873</v>
      </c>
      <c r="E1327" s="3" t="s">
        <v>111</v>
      </c>
      <c r="F1327" s="6" t="s">
        <v>5328</v>
      </c>
      <c r="G1327" s="3" t="s">
        <v>16</v>
      </c>
      <c r="H1327" s="3" t="s">
        <v>17</v>
      </c>
      <c r="I1327" s="3" t="s">
        <v>18</v>
      </c>
      <c r="J1327" s="3" t="s">
        <v>5329</v>
      </c>
      <c r="K1327" s="4">
        <v>43370</v>
      </c>
    </row>
    <row r="1328" spans="1:11" ht="60" x14ac:dyDescent="0.25">
      <c r="A1328" s="6" t="s">
        <v>5347</v>
      </c>
      <c r="B1328" s="8" t="s">
        <v>12</v>
      </c>
      <c r="C1328" s="8" t="s">
        <v>13</v>
      </c>
      <c r="D1328" s="8">
        <v>1811</v>
      </c>
      <c r="E1328" s="3" t="s">
        <v>13</v>
      </c>
      <c r="F1328" s="6" t="s">
        <v>5348</v>
      </c>
      <c r="G1328" s="3" t="s">
        <v>16</v>
      </c>
      <c r="H1328" s="3" t="s">
        <v>17</v>
      </c>
      <c r="I1328" s="3" t="s">
        <v>13</v>
      </c>
      <c r="J1328" s="3" t="s">
        <v>5349</v>
      </c>
      <c r="K1328" s="4">
        <v>43370</v>
      </c>
    </row>
    <row r="1329" spans="1:11" ht="60" x14ac:dyDescent="0.25">
      <c r="A1329" s="6" t="s">
        <v>5438</v>
      </c>
      <c r="B1329" s="8" t="s">
        <v>12</v>
      </c>
      <c r="C1329" s="8" t="s">
        <v>13</v>
      </c>
      <c r="D1329" s="8">
        <v>1843</v>
      </c>
      <c r="E1329" s="3" t="s">
        <v>13</v>
      </c>
      <c r="F1329" s="6" t="s">
        <v>5439</v>
      </c>
      <c r="G1329" s="3" t="s">
        <v>16</v>
      </c>
      <c r="H1329" s="3" t="s">
        <v>17</v>
      </c>
      <c r="I1329" s="3" t="s">
        <v>18</v>
      </c>
      <c r="J1329" s="3" t="s">
        <v>710</v>
      </c>
      <c r="K1329" s="4">
        <v>43370</v>
      </c>
    </row>
    <row r="1330" spans="1:11" ht="60" x14ac:dyDescent="0.25">
      <c r="A1330" s="6" t="s">
        <v>5440</v>
      </c>
      <c r="B1330" s="8" t="s">
        <v>12</v>
      </c>
      <c r="C1330" s="8" t="s">
        <v>5441</v>
      </c>
      <c r="D1330" s="8" t="s">
        <v>5442</v>
      </c>
      <c r="E1330" s="3" t="s">
        <v>980</v>
      </c>
      <c r="F1330" s="6" t="s">
        <v>5443</v>
      </c>
      <c r="G1330" s="3" t="s">
        <v>16</v>
      </c>
      <c r="H1330" s="3" t="s">
        <v>17</v>
      </c>
      <c r="I1330" s="3" t="s">
        <v>250</v>
      </c>
      <c r="J1330" s="3" t="s">
        <v>2796</v>
      </c>
      <c r="K1330" s="4">
        <v>43370</v>
      </c>
    </row>
    <row r="1331" spans="1:11" ht="45" x14ac:dyDescent="0.25">
      <c r="A1331" s="6" t="s">
        <v>5486</v>
      </c>
      <c r="B1331" s="8" t="s">
        <v>12</v>
      </c>
      <c r="C1331" s="8" t="s">
        <v>5487</v>
      </c>
      <c r="D1331" s="8" t="s">
        <v>5487</v>
      </c>
      <c r="E1331" s="3" t="s">
        <v>2529</v>
      </c>
      <c r="F1331" s="6" t="s">
        <v>5488</v>
      </c>
      <c r="G1331" s="3" t="s">
        <v>16</v>
      </c>
      <c r="H1331" s="3" t="s">
        <v>17</v>
      </c>
      <c r="I1331" s="3" t="s">
        <v>18</v>
      </c>
      <c r="J1331" s="3" t="s">
        <v>5489</v>
      </c>
      <c r="K1331" s="4">
        <v>43370</v>
      </c>
    </row>
    <row r="1332" spans="1:11" ht="60" x14ac:dyDescent="0.25">
      <c r="A1332" s="6" t="s">
        <v>5494</v>
      </c>
      <c r="B1332" s="8" t="s">
        <v>12</v>
      </c>
      <c r="C1332" s="8" t="s">
        <v>13</v>
      </c>
      <c r="D1332" s="8">
        <v>1848</v>
      </c>
      <c r="E1332" s="3" t="s">
        <v>13</v>
      </c>
      <c r="F1332" s="6" t="s">
        <v>5495</v>
      </c>
      <c r="G1332" s="3" t="s">
        <v>16</v>
      </c>
      <c r="H1332" s="3" t="s">
        <v>17</v>
      </c>
      <c r="I1332" s="3" t="s">
        <v>121</v>
      </c>
      <c r="J1332" s="3" t="s">
        <v>5496</v>
      </c>
      <c r="K1332" s="4">
        <v>43370</v>
      </c>
    </row>
    <row r="1333" spans="1:11" x14ac:dyDescent="0.25">
      <c r="A1333" s="6" t="s">
        <v>5576</v>
      </c>
      <c r="B1333" s="8" t="s">
        <v>12</v>
      </c>
      <c r="C1333" s="8">
        <v>1923</v>
      </c>
      <c r="D1333" s="8">
        <v>1923</v>
      </c>
      <c r="E1333" s="3" t="s">
        <v>5577</v>
      </c>
      <c r="F1333" s="6" t="s">
        <v>5578</v>
      </c>
      <c r="G1333" s="3" t="s">
        <v>16</v>
      </c>
      <c r="H1333" s="3" t="s">
        <v>17</v>
      </c>
      <c r="I1333" s="3" t="s">
        <v>18</v>
      </c>
      <c r="J1333" s="3" t="s">
        <v>5579</v>
      </c>
      <c r="K1333" s="4">
        <v>43370</v>
      </c>
    </row>
    <row r="1334" spans="1:11" ht="30" x14ac:dyDescent="0.25">
      <c r="A1334" s="6" t="s">
        <v>5636</v>
      </c>
      <c r="B1334" s="8" t="s">
        <v>12</v>
      </c>
      <c r="C1334" s="8" t="s">
        <v>5637</v>
      </c>
      <c r="D1334" s="8">
        <v>1859</v>
      </c>
      <c r="E1334" s="3" t="s">
        <v>5638</v>
      </c>
      <c r="F1334" s="6" t="s">
        <v>5639</v>
      </c>
      <c r="G1334" s="3" t="s">
        <v>16</v>
      </c>
      <c r="H1334" s="3" t="s">
        <v>17</v>
      </c>
      <c r="I1334" s="3" t="s">
        <v>176</v>
      </c>
      <c r="J1334" s="3" t="s">
        <v>5640</v>
      </c>
      <c r="K1334" s="4">
        <v>43370</v>
      </c>
    </row>
    <row r="1335" spans="1:11" ht="60" x14ac:dyDescent="0.25">
      <c r="A1335" s="6" t="s">
        <v>5649</v>
      </c>
      <c r="B1335" s="8" t="s">
        <v>12</v>
      </c>
      <c r="C1335" s="8">
        <v>1921</v>
      </c>
      <c r="D1335" s="8">
        <v>1921</v>
      </c>
      <c r="E1335" s="3" t="s">
        <v>5650</v>
      </c>
      <c r="F1335" s="6" t="s">
        <v>5651</v>
      </c>
      <c r="G1335" s="3" t="s">
        <v>16</v>
      </c>
      <c r="H1335" s="3" t="s">
        <v>17</v>
      </c>
      <c r="I1335" s="3" t="s">
        <v>18</v>
      </c>
      <c r="J1335" s="3" t="s">
        <v>5652</v>
      </c>
      <c r="K1335" s="4">
        <v>43370</v>
      </c>
    </row>
    <row r="1336" spans="1:11" ht="45" x14ac:dyDescent="0.25">
      <c r="A1336" s="6" t="s">
        <v>5671</v>
      </c>
      <c r="B1336" s="8" t="s">
        <v>12</v>
      </c>
      <c r="C1336" s="8" t="s">
        <v>13</v>
      </c>
      <c r="D1336" s="8">
        <v>1908</v>
      </c>
      <c r="E1336" s="3" t="s">
        <v>13</v>
      </c>
      <c r="F1336" s="6" t="s">
        <v>5672</v>
      </c>
      <c r="G1336" s="3" t="s">
        <v>16</v>
      </c>
      <c r="H1336" s="3" t="s">
        <v>17</v>
      </c>
      <c r="I1336" s="3" t="s">
        <v>121</v>
      </c>
      <c r="J1336" s="3" t="s">
        <v>5673</v>
      </c>
      <c r="K1336" s="4">
        <v>43370</v>
      </c>
    </row>
    <row r="1337" spans="1:11" ht="75" x14ac:dyDescent="0.25">
      <c r="A1337" s="6" t="s">
        <v>5727</v>
      </c>
      <c r="B1337" s="8" t="s">
        <v>12</v>
      </c>
      <c r="C1337" s="8" t="s">
        <v>13</v>
      </c>
      <c r="D1337" s="8">
        <v>1923</v>
      </c>
      <c r="E1337" s="3" t="s">
        <v>13</v>
      </c>
      <c r="F1337" s="6" t="s">
        <v>5728</v>
      </c>
      <c r="G1337" s="3" t="s">
        <v>16</v>
      </c>
      <c r="H1337" s="3" t="s">
        <v>17</v>
      </c>
      <c r="I1337" s="3" t="s">
        <v>13</v>
      </c>
      <c r="J1337" s="3" t="s">
        <v>5729</v>
      </c>
      <c r="K1337" s="4">
        <v>43370</v>
      </c>
    </row>
    <row r="1338" spans="1:11" ht="30" x14ac:dyDescent="0.25">
      <c r="A1338" s="6" t="s">
        <v>5730</v>
      </c>
      <c r="B1338" s="8" t="s">
        <v>12</v>
      </c>
      <c r="C1338" s="8" t="s">
        <v>163</v>
      </c>
      <c r="D1338" s="8">
        <v>1696</v>
      </c>
      <c r="E1338" s="3" t="s">
        <v>1237</v>
      </c>
      <c r="F1338" s="6" t="s">
        <v>5731</v>
      </c>
      <c r="G1338" s="3" t="s">
        <v>16</v>
      </c>
      <c r="H1338" s="3" t="s">
        <v>17</v>
      </c>
      <c r="I1338" s="3" t="s">
        <v>18</v>
      </c>
      <c r="J1338" s="3" t="s">
        <v>13</v>
      </c>
      <c r="K1338" s="4">
        <v>43370</v>
      </c>
    </row>
    <row r="1339" spans="1:11" ht="60" x14ac:dyDescent="0.25">
      <c r="A1339" s="6" t="s">
        <v>5744</v>
      </c>
      <c r="B1339" s="8" t="s">
        <v>12</v>
      </c>
      <c r="C1339" s="8" t="s">
        <v>652</v>
      </c>
      <c r="D1339" s="8">
        <v>1874</v>
      </c>
      <c r="E1339" s="3" t="s">
        <v>493</v>
      </c>
      <c r="F1339" s="6" t="s">
        <v>5745</v>
      </c>
      <c r="G1339" s="3" t="s">
        <v>16</v>
      </c>
      <c r="H1339" s="3" t="s">
        <v>17</v>
      </c>
      <c r="I1339" s="3" t="s">
        <v>18</v>
      </c>
      <c r="J1339" s="3" t="s">
        <v>5746</v>
      </c>
      <c r="K1339" s="4">
        <v>43370</v>
      </c>
    </row>
    <row r="1340" spans="1:11" ht="45" x14ac:dyDescent="0.25">
      <c r="A1340" s="6" t="s">
        <v>484</v>
      </c>
      <c r="B1340" s="8" t="s">
        <v>12</v>
      </c>
      <c r="C1340" s="8" t="s">
        <v>485</v>
      </c>
      <c r="D1340" s="8" t="s">
        <v>486</v>
      </c>
      <c r="E1340" s="3" t="s">
        <v>13</v>
      </c>
      <c r="F1340" s="6" t="s">
        <v>487</v>
      </c>
      <c r="G1340" s="3" t="s">
        <v>16</v>
      </c>
      <c r="H1340" s="3" t="s">
        <v>170</v>
      </c>
      <c r="I1340" s="3" t="s">
        <v>13</v>
      </c>
      <c r="J1340" s="3" t="s">
        <v>488</v>
      </c>
      <c r="K1340" s="4">
        <v>43369</v>
      </c>
    </row>
    <row r="1341" spans="1:11" ht="60" x14ac:dyDescent="0.25">
      <c r="A1341" s="6" t="s">
        <v>832</v>
      </c>
      <c r="B1341" s="8" t="s">
        <v>12</v>
      </c>
      <c r="C1341" s="10">
        <v>8127</v>
      </c>
      <c r="D1341" s="8" t="s">
        <v>833</v>
      </c>
      <c r="E1341" s="3" t="s">
        <v>13</v>
      </c>
      <c r="F1341" s="6" t="s">
        <v>834</v>
      </c>
      <c r="G1341" s="3" t="s">
        <v>16</v>
      </c>
      <c r="H1341" s="3" t="s">
        <v>17</v>
      </c>
      <c r="I1341" s="3" t="s">
        <v>13</v>
      </c>
      <c r="J1341" s="3" t="s">
        <v>835</v>
      </c>
      <c r="K1341" s="4">
        <v>43369</v>
      </c>
    </row>
    <row r="1342" spans="1:11" ht="180" x14ac:dyDescent="0.25">
      <c r="A1342" s="6" t="s">
        <v>1908</v>
      </c>
      <c r="B1342" s="8" t="s">
        <v>12</v>
      </c>
      <c r="C1342" s="8">
        <v>1913</v>
      </c>
      <c r="D1342" s="8">
        <v>1913</v>
      </c>
      <c r="E1342" s="3" t="s">
        <v>515</v>
      </c>
      <c r="F1342" s="6" t="s">
        <v>1909</v>
      </c>
      <c r="G1342" s="3" t="s">
        <v>16</v>
      </c>
      <c r="H1342" s="3" t="s">
        <v>17</v>
      </c>
      <c r="I1342" s="3" t="s">
        <v>18</v>
      </c>
      <c r="J1342" s="3" t="s">
        <v>13</v>
      </c>
      <c r="K1342" s="4">
        <v>43369</v>
      </c>
    </row>
    <row r="1343" spans="1:11" ht="30" x14ac:dyDescent="0.25">
      <c r="A1343" s="6" t="s">
        <v>2432</v>
      </c>
      <c r="B1343" s="8" t="s">
        <v>12</v>
      </c>
      <c r="C1343" s="8">
        <v>1804</v>
      </c>
      <c r="D1343" s="8">
        <v>1804</v>
      </c>
      <c r="E1343" s="3" t="s">
        <v>2433</v>
      </c>
      <c r="F1343" s="6" t="s">
        <v>2434</v>
      </c>
      <c r="G1343" s="3" t="s">
        <v>16</v>
      </c>
      <c r="H1343" s="3" t="s">
        <v>17</v>
      </c>
      <c r="I1343" s="3" t="s">
        <v>2124</v>
      </c>
      <c r="J1343" s="3" t="s">
        <v>2435</v>
      </c>
      <c r="K1343" s="4">
        <v>43369</v>
      </c>
    </row>
    <row r="1344" spans="1:11" ht="45" x14ac:dyDescent="0.25">
      <c r="A1344" s="6" t="s">
        <v>3511</v>
      </c>
      <c r="B1344" s="8" t="s">
        <v>12</v>
      </c>
      <c r="C1344" s="8">
        <v>1920</v>
      </c>
      <c r="D1344" s="8">
        <v>1920</v>
      </c>
      <c r="E1344" s="3" t="s">
        <v>861</v>
      </c>
      <c r="F1344" s="6" t="s">
        <v>3512</v>
      </c>
      <c r="G1344" s="3" t="s">
        <v>16</v>
      </c>
      <c r="H1344" s="3" t="s">
        <v>17</v>
      </c>
      <c r="I1344" s="3" t="s">
        <v>18</v>
      </c>
      <c r="J1344" s="3" t="s">
        <v>3513</v>
      </c>
      <c r="K1344" s="4">
        <v>43369</v>
      </c>
    </row>
    <row r="1345" spans="1:11" ht="30" x14ac:dyDescent="0.25">
      <c r="A1345" s="6" t="s">
        <v>4268</v>
      </c>
      <c r="B1345" s="8" t="s">
        <v>12</v>
      </c>
      <c r="C1345" s="8">
        <v>1915</v>
      </c>
      <c r="D1345" s="8">
        <v>1915</v>
      </c>
      <c r="E1345" s="3" t="s">
        <v>4269</v>
      </c>
      <c r="F1345" s="6" t="s">
        <v>4270</v>
      </c>
      <c r="G1345" s="3" t="s">
        <v>16</v>
      </c>
      <c r="H1345" s="3" t="s">
        <v>17</v>
      </c>
      <c r="I1345" s="3" t="s">
        <v>18</v>
      </c>
      <c r="J1345" s="3" t="s">
        <v>4271</v>
      </c>
      <c r="K1345" s="4">
        <v>43369</v>
      </c>
    </row>
    <row r="1346" spans="1:11" ht="135" x14ac:dyDescent="0.25">
      <c r="A1346" s="6" t="s">
        <v>4448</v>
      </c>
      <c r="B1346" s="8" t="s">
        <v>12</v>
      </c>
      <c r="C1346" s="8">
        <v>1899</v>
      </c>
      <c r="D1346" s="8">
        <v>1899</v>
      </c>
      <c r="E1346" s="3" t="s">
        <v>111</v>
      </c>
      <c r="F1346" s="6" t="s">
        <v>4449</v>
      </c>
      <c r="G1346" s="3" t="s">
        <v>16</v>
      </c>
      <c r="H1346" s="3" t="s">
        <v>17</v>
      </c>
      <c r="I1346" s="3" t="s">
        <v>18</v>
      </c>
      <c r="J1346" s="3" t="s">
        <v>4450</v>
      </c>
      <c r="K1346" s="4">
        <v>43369</v>
      </c>
    </row>
    <row r="1347" spans="1:11" ht="30" x14ac:dyDescent="0.25">
      <c r="A1347" s="6" t="s">
        <v>5473</v>
      </c>
      <c r="B1347" s="8" t="s">
        <v>12</v>
      </c>
      <c r="C1347" s="8">
        <v>1850</v>
      </c>
      <c r="D1347" s="8">
        <v>1850</v>
      </c>
      <c r="E1347" s="3" t="s">
        <v>5474</v>
      </c>
      <c r="F1347" s="6" t="s">
        <v>5475</v>
      </c>
      <c r="G1347" s="3" t="s">
        <v>16</v>
      </c>
      <c r="H1347" s="3" t="s">
        <v>17</v>
      </c>
      <c r="I1347" s="3" t="s">
        <v>18</v>
      </c>
      <c r="J1347" s="3" t="s">
        <v>13</v>
      </c>
      <c r="K1347" s="4">
        <v>43369</v>
      </c>
    </row>
    <row r="1348" spans="1:11" ht="225" x14ac:dyDescent="0.25">
      <c r="A1348" s="6" t="s">
        <v>5691</v>
      </c>
      <c r="B1348" s="8" t="s">
        <v>12</v>
      </c>
      <c r="C1348" s="8" t="s">
        <v>13</v>
      </c>
      <c r="D1348" s="8">
        <v>1837</v>
      </c>
      <c r="E1348" s="3" t="s">
        <v>13</v>
      </c>
      <c r="F1348" s="6" t="s">
        <v>5692</v>
      </c>
      <c r="G1348" s="3" t="s">
        <v>16</v>
      </c>
      <c r="H1348" s="3" t="s">
        <v>17</v>
      </c>
      <c r="I1348" s="3" t="s">
        <v>13</v>
      </c>
      <c r="J1348" s="3" t="s">
        <v>13</v>
      </c>
      <c r="K1348" s="4">
        <v>43369</v>
      </c>
    </row>
    <row r="1349" spans="1:11" ht="135" x14ac:dyDescent="0.25">
      <c r="A1349" s="6" t="s">
        <v>648</v>
      </c>
      <c r="B1349" s="8" t="s">
        <v>12</v>
      </c>
      <c r="C1349" s="8">
        <v>1908</v>
      </c>
      <c r="D1349" s="8">
        <v>1908</v>
      </c>
      <c r="E1349" s="3" t="s">
        <v>461</v>
      </c>
      <c r="F1349" s="6" t="s">
        <v>649</v>
      </c>
      <c r="G1349" s="3" t="s">
        <v>16</v>
      </c>
      <c r="H1349" s="3" t="s">
        <v>17</v>
      </c>
      <c r="I1349" s="3" t="s">
        <v>18</v>
      </c>
      <c r="J1349" s="3" t="s">
        <v>650</v>
      </c>
      <c r="K1349" s="4">
        <v>43368</v>
      </c>
    </row>
    <row r="1350" spans="1:11" ht="180" x14ac:dyDescent="0.25">
      <c r="A1350" s="6" t="s">
        <v>1116</v>
      </c>
      <c r="B1350" s="8" t="s">
        <v>12</v>
      </c>
      <c r="C1350" s="8">
        <v>1897</v>
      </c>
      <c r="D1350" s="8">
        <v>1897</v>
      </c>
      <c r="E1350" s="3" t="s">
        <v>550</v>
      </c>
      <c r="F1350" s="6" t="s">
        <v>1117</v>
      </c>
      <c r="G1350" s="3" t="s">
        <v>16</v>
      </c>
      <c r="H1350" s="3" t="s">
        <v>17</v>
      </c>
      <c r="I1350" s="3" t="s">
        <v>18</v>
      </c>
      <c r="J1350" s="3" t="s">
        <v>1118</v>
      </c>
      <c r="K1350" s="4">
        <v>43368</v>
      </c>
    </row>
    <row r="1351" spans="1:11" ht="165" x14ac:dyDescent="0.25">
      <c r="A1351" s="6" t="s">
        <v>1133</v>
      </c>
      <c r="B1351" s="8" t="s">
        <v>12</v>
      </c>
      <c r="C1351" s="8" t="s">
        <v>1134</v>
      </c>
      <c r="D1351" s="9">
        <v>4825</v>
      </c>
      <c r="E1351" s="3" t="s">
        <v>1135</v>
      </c>
      <c r="F1351" s="6" t="s">
        <v>1136</v>
      </c>
      <c r="G1351" s="3" t="s">
        <v>16</v>
      </c>
      <c r="H1351" s="3" t="s">
        <v>17</v>
      </c>
      <c r="I1351" s="3" t="s">
        <v>18</v>
      </c>
      <c r="J1351" s="3" t="s">
        <v>1137</v>
      </c>
      <c r="K1351" s="4">
        <v>43368</v>
      </c>
    </row>
    <row r="1352" spans="1:11" ht="195" x14ac:dyDescent="0.25">
      <c r="A1352" s="6" t="s">
        <v>1387</v>
      </c>
      <c r="B1352" s="8" t="s">
        <v>12</v>
      </c>
      <c r="C1352" s="8" t="s">
        <v>1388</v>
      </c>
      <c r="D1352" s="8" t="s">
        <v>1389</v>
      </c>
      <c r="E1352" s="3" t="s">
        <v>107</v>
      </c>
      <c r="F1352" s="6" t="s">
        <v>1390</v>
      </c>
      <c r="G1352" s="3" t="s">
        <v>16</v>
      </c>
      <c r="H1352" s="3" t="s">
        <v>17</v>
      </c>
      <c r="I1352" s="3" t="s">
        <v>18</v>
      </c>
      <c r="J1352" s="3" t="s">
        <v>1391</v>
      </c>
      <c r="K1352" s="4">
        <v>43368</v>
      </c>
    </row>
    <row r="1353" spans="1:11" ht="120" x14ac:dyDescent="0.25">
      <c r="A1353" s="6" t="s">
        <v>1593</v>
      </c>
      <c r="B1353" s="8" t="s">
        <v>12</v>
      </c>
      <c r="C1353" s="8" t="s">
        <v>1594</v>
      </c>
      <c r="D1353" s="8">
        <v>1790</v>
      </c>
      <c r="E1353" s="3" t="s">
        <v>1195</v>
      </c>
      <c r="F1353" s="6" t="s">
        <v>1595</v>
      </c>
      <c r="G1353" s="3" t="s">
        <v>16</v>
      </c>
      <c r="H1353" s="3" t="s">
        <v>17</v>
      </c>
      <c r="I1353" s="3" t="s">
        <v>18</v>
      </c>
      <c r="J1353" s="3" t="s">
        <v>13</v>
      </c>
      <c r="K1353" s="4">
        <v>43368</v>
      </c>
    </row>
    <row r="1354" spans="1:11" ht="165" x14ac:dyDescent="0.25">
      <c r="A1354" s="6" t="s">
        <v>2508</v>
      </c>
      <c r="B1354" s="8" t="s">
        <v>12</v>
      </c>
      <c r="C1354" s="9">
        <v>5210</v>
      </c>
      <c r="D1354" s="9">
        <v>5210</v>
      </c>
      <c r="E1354" s="3" t="s">
        <v>1135</v>
      </c>
      <c r="F1354" s="6" t="s">
        <v>1136</v>
      </c>
      <c r="G1354" s="3" t="s">
        <v>16</v>
      </c>
      <c r="H1354" s="3" t="s">
        <v>17</v>
      </c>
      <c r="I1354" s="3" t="s">
        <v>18</v>
      </c>
      <c r="J1354" s="3" t="s">
        <v>1137</v>
      </c>
      <c r="K1354" s="4">
        <v>43368</v>
      </c>
    </row>
    <row r="1355" spans="1:11" ht="90" x14ac:dyDescent="0.25">
      <c r="A1355" s="6" t="s">
        <v>2697</v>
      </c>
      <c r="B1355" s="8" t="s">
        <v>12</v>
      </c>
      <c r="C1355" s="8">
        <v>1913</v>
      </c>
      <c r="D1355" s="8">
        <v>1913</v>
      </c>
      <c r="E1355" s="3" t="s">
        <v>557</v>
      </c>
      <c r="F1355" s="6" t="s">
        <v>2698</v>
      </c>
      <c r="G1355" s="3" t="s">
        <v>16</v>
      </c>
      <c r="H1355" s="3" t="s">
        <v>17</v>
      </c>
      <c r="I1355" s="3" t="s">
        <v>18</v>
      </c>
      <c r="J1355" s="3" t="s">
        <v>1115</v>
      </c>
      <c r="K1355" s="4">
        <v>43368</v>
      </c>
    </row>
    <row r="1356" spans="1:11" ht="150" x14ac:dyDescent="0.25">
      <c r="A1356" s="6" t="s">
        <v>2945</v>
      </c>
      <c r="B1356" s="8" t="s">
        <v>12</v>
      </c>
      <c r="C1356" s="8">
        <v>1892</v>
      </c>
      <c r="D1356" s="8">
        <v>1892</v>
      </c>
      <c r="E1356" s="3" t="s">
        <v>111</v>
      </c>
      <c r="F1356" s="6" t="s">
        <v>2946</v>
      </c>
      <c r="G1356" s="3" t="s">
        <v>16</v>
      </c>
      <c r="H1356" s="3" t="s">
        <v>17</v>
      </c>
      <c r="I1356" s="3" t="s">
        <v>18</v>
      </c>
      <c r="J1356" s="3" t="s">
        <v>2947</v>
      </c>
      <c r="K1356" s="4">
        <v>43368</v>
      </c>
    </row>
    <row r="1357" spans="1:11" ht="165" x14ac:dyDescent="0.25">
      <c r="A1357" s="6" t="s">
        <v>3095</v>
      </c>
      <c r="B1357" s="8" t="s">
        <v>12</v>
      </c>
      <c r="C1357" s="8" t="s">
        <v>3096</v>
      </c>
      <c r="D1357" s="9">
        <v>4475</v>
      </c>
      <c r="E1357" s="3" t="s">
        <v>1135</v>
      </c>
      <c r="F1357" s="6" t="s">
        <v>1136</v>
      </c>
      <c r="G1357" s="3" t="s">
        <v>16</v>
      </c>
      <c r="H1357" s="3" t="s">
        <v>17</v>
      </c>
      <c r="I1357" s="3" t="s">
        <v>18</v>
      </c>
      <c r="J1357" s="3" t="s">
        <v>1137</v>
      </c>
      <c r="K1357" s="4">
        <v>43368</v>
      </c>
    </row>
    <row r="1358" spans="1:11" ht="150" x14ac:dyDescent="0.25">
      <c r="A1358" s="6" t="s">
        <v>3490</v>
      </c>
      <c r="B1358" s="8" t="s">
        <v>12</v>
      </c>
      <c r="C1358" s="8">
        <v>1909</v>
      </c>
      <c r="D1358" s="8">
        <v>1909</v>
      </c>
      <c r="E1358" s="3" t="s">
        <v>3491</v>
      </c>
      <c r="F1358" s="6" t="s">
        <v>3492</v>
      </c>
      <c r="G1358" s="3" t="s">
        <v>16</v>
      </c>
      <c r="H1358" s="3" t="s">
        <v>17</v>
      </c>
      <c r="I1358" s="3" t="s">
        <v>18</v>
      </c>
      <c r="J1358" s="3" t="s">
        <v>3493</v>
      </c>
      <c r="K1358" s="4">
        <v>43368</v>
      </c>
    </row>
    <row r="1359" spans="1:11" ht="135" x14ac:dyDescent="0.25">
      <c r="A1359" s="6" t="s">
        <v>4451</v>
      </c>
      <c r="B1359" s="8" t="s">
        <v>12</v>
      </c>
      <c r="C1359" s="8">
        <v>1910</v>
      </c>
      <c r="D1359" s="8">
        <v>1910</v>
      </c>
      <c r="E1359" s="3" t="s">
        <v>557</v>
      </c>
      <c r="F1359" s="6" t="s">
        <v>4452</v>
      </c>
      <c r="G1359" s="3" t="s">
        <v>16</v>
      </c>
      <c r="H1359" s="3" t="s">
        <v>17</v>
      </c>
      <c r="I1359" s="3" t="s">
        <v>18</v>
      </c>
      <c r="J1359" s="3" t="s">
        <v>4453</v>
      </c>
      <c r="K1359" s="4">
        <v>43368</v>
      </c>
    </row>
    <row r="1360" spans="1:11" ht="135" x14ac:dyDescent="0.25">
      <c r="A1360" s="6" t="s">
        <v>5447</v>
      </c>
      <c r="B1360" s="8" t="s">
        <v>12</v>
      </c>
      <c r="C1360" s="8">
        <v>1893</v>
      </c>
      <c r="D1360" s="8">
        <v>1893</v>
      </c>
      <c r="E1360" s="3" t="s">
        <v>5448</v>
      </c>
      <c r="F1360" s="6" t="s">
        <v>5449</v>
      </c>
      <c r="G1360" s="3" t="s">
        <v>16</v>
      </c>
      <c r="H1360" s="3" t="s">
        <v>17</v>
      </c>
      <c r="I1360" s="3" t="s">
        <v>18</v>
      </c>
      <c r="J1360" s="3" t="s">
        <v>5450</v>
      </c>
      <c r="K1360" s="4">
        <v>43368</v>
      </c>
    </row>
    <row r="1361" spans="1:11" ht="150" x14ac:dyDescent="0.25">
      <c r="A1361" s="6" t="s">
        <v>5503</v>
      </c>
      <c r="B1361" s="8" t="s">
        <v>12</v>
      </c>
      <c r="C1361" s="8" t="s">
        <v>5504</v>
      </c>
      <c r="D1361" s="9">
        <v>5411</v>
      </c>
      <c r="E1361" s="3" t="s">
        <v>1070</v>
      </c>
      <c r="F1361" s="6" t="s">
        <v>5505</v>
      </c>
      <c r="G1361" s="3" t="s">
        <v>16</v>
      </c>
      <c r="H1361" s="3" t="s">
        <v>17</v>
      </c>
      <c r="I1361" s="3" t="s">
        <v>18</v>
      </c>
      <c r="J1361" s="3" t="s">
        <v>326</v>
      </c>
      <c r="K1361" s="4">
        <v>43368</v>
      </c>
    </row>
    <row r="1362" spans="1:11" ht="135" x14ac:dyDescent="0.25">
      <c r="A1362" s="6" t="s">
        <v>5552</v>
      </c>
      <c r="B1362" s="8" t="s">
        <v>12</v>
      </c>
      <c r="C1362" s="8">
        <v>1879</v>
      </c>
      <c r="D1362" s="8">
        <v>1879</v>
      </c>
      <c r="E1362" s="3" t="s">
        <v>102</v>
      </c>
      <c r="F1362" s="6" t="s">
        <v>5553</v>
      </c>
      <c r="G1362" s="3" t="s">
        <v>16</v>
      </c>
      <c r="H1362" s="3" t="s">
        <v>17</v>
      </c>
      <c r="I1362" s="3" t="s">
        <v>18</v>
      </c>
      <c r="J1362" s="3" t="s">
        <v>5554</v>
      </c>
      <c r="K1362" s="4">
        <v>43368</v>
      </c>
    </row>
    <row r="1363" spans="1:11" ht="150" x14ac:dyDescent="0.25">
      <c r="A1363" s="6" t="s">
        <v>5622</v>
      </c>
      <c r="B1363" s="8" t="s">
        <v>12</v>
      </c>
      <c r="C1363" s="8">
        <v>1896</v>
      </c>
      <c r="D1363" s="8">
        <v>1896</v>
      </c>
      <c r="E1363" s="3" t="s">
        <v>557</v>
      </c>
      <c r="F1363" s="6" t="s">
        <v>5623</v>
      </c>
      <c r="G1363" s="3" t="s">
        <v>16</v>
      </c>
      <c r="H1363" s="3" t="s">
        <v>17</v>
      </c>
      <c r="I1363" s="3" t="s">
        <v>18</v>
      </c>
      <c r="J1363" s="3" t="s">
        <v>559</v>
      </c>
      <c r="K1363" s="4">
        <v>43368</v>
      </c>
    </row>
    <row r="1364" spans="1:11" ht="225" x14ac:dyDescent="0.25">
      <c r="A1364" s="6" t="s">
        <v>2622</v>
      </c>
      <c r="B1364" s="8" t="s">
        <v>12</v>
      </c>
      <c r="C1364" s="8" t="s">
        <v>21</v>
      </c>
      <c r="D1364" s="8">
        <v>1574</v>
      </c>
      <c r="E1364" s="3" t="s">
        <v>257</v>
      </c>
      <c r="F1364" s="6" t="s">
        <v>2623</v>
      </c>
      <c r="G1364" s="3" t="s">
        <v>16</v>
      </c>
      <c r="H1364" s="3" t="s">
        <v>24</v>
      </c>
      <c r="I1364" s="3" t="s">
        <v>171</v>
      </c>
      <c r="J1364" s="3" t="s">
        <v>13</v>
      </c>
      <c r="K1364" s="4">
        <v>43367</v>
      </c>
    </row>
    <row r="1365" spans="1:11" ht="135" x14ac:dyDescent="0.25">
      <c r="A1365" s="6" t="s">
        <v>105</v>
      </c>
      <c r="B1365" s="8" t="s">
        <v>12</v>
      </c>
      <c r="C1365" s="8" t="s">
        <v>106</v>
      </c>
      <c r="D1365" s="9">
        <v>794</v>
      </c>
      <c r="E1365" s="3" t="s">
        <v>107</v>
      </c>
      <c r="F1365" s="6" t="s">
        <v>108</v>
      </c>
      <c r="G1365" s="3" t="s">
        <v>16</v>
      </c>
      <c r="H1365" s="3" t="s">
        <v>17</v>
      </c>
      <c r="I1365" s="3" t="s">
        <v>18</v>
      </c>
      <c r="J1365" s="3" t="s">
        <v>109</v>
      </c>
      <c r="K1365" s="4">
        <v>43366</v>
      </c>
    </row>
    <row r="1366" spans="1:11" ht="45" x14ac:dyDescent="0.25">
      <c r="A1366" s="6" t="s">
        <v>187</v>
      </c>
      <c r="B1366" s="8" t="s">
        <v>12</v>
      </c>
      <c r="C1366" s="8">
        <v>1892</v>
      </c>
      <c r="D1366" s="8">
        <v>1892</v>
      </c>
      <c r="E1366" s="3" t="s">
        <v>127</v>
      </c>
      <c r="F1366" s="6" t="s">
        <v>128</v>
      </c>
      <c r="G1366" s="3" t="s">
        <v>16</v>
      </c>
      <c r="H1366" s="3" t="s">
        <v>17</v>
      </c>
      <c r="I1366" s="3" t="s">
        <v>18</v>
      </c>
      <c r="J1366" s="3" t="s">
        <v>13</v>
      </c>
      <c r="K1366" s="4">
        <v>43366</v>
      </c>
    </row>
    <row r="1367" spans="1:11" ht="105" x14ac:dyDescent="0.25">
      <c r="A1367" s="6" t="s">
        <v>691</v>
      </c>
      <c r="B1367" s="8" t="s">
        <v>12</v>
      </c>
      <c r="C1367" s="8" t="s">
        <v>692</v>
      </c>
      <c r="D1367" s="8">
        <v>1638</v>
      </c>
      <c r="E1367" s="3" t="s">
        <v>691</v>
      </c>
      <c r="F1367" s="6" t="s">
        <v>693</v>
      </c>
      <c r="G1367" s="3" t="s">
        <v>16</v>
      </c>
      <c r="H1367" s="3" t="s">
        <v>170</v>
      </c>
      <c r="I1367" s="3" t="s">
        <v>171</v>
      </c>
      <c r="J1367" s="3" t="s">
        <v>13</v>
      </c>
      <c r="K1367" s="4">
        <v>43366</v>
      </c>
    </row>
    <row r="1368" spans="1:11" ht="30" x14ac:dyDescent="0.25">
      <c r="A1368" s="6" t="s">
        <v>698</v>
      </c>
      <c r="B1368" s="8" t="s">
        <v>12</v>
      </c>
      <c r="C1368" s="8" t="s">
        <v>699</v>
      </c>
      <c r="D1368" s="8" t="s">
        <v>700</v>
      </c>
      <c r="E1368" s="3" t="s">
        <v>13</v>
      </c>
      <c r="F1368" s="6" t="s">
        <v>701</v>
      </c>
      <c r="G1368" s="3" t="s">
        <v>16</v>
      </c>
      <c r="H1368" s="3" t="s">
        <v>17</v>
      </c>
      <c r="I1368" s="3" t="s">
        <v>13</v>
      </c>
      <c r="J1368" s="3" t="s">
        <v>702</v>
      </c>
      <c r="K1368" s="4">
        <v>43366</v>
      </c>
    </row>
    <row r="1369" spans="1:11" ht="135" x14ac:dyDescent="0.25">
      <c r="A1369" s="6" t="s">
        <v>717</v>
      </c>
      <c r="B1369" s="8" t="s">
        <v>12</v>
      </c>
      <c r="C1369" s="8">
        <v>1906</v>
      </c>
      <c r="D1369" s="8">
        <v>1906</v>
      </c>
      <c r="E1369" s="3" t="s">
        <v>461</v>
      </c>
      <c r="F1369" s="6" t="s">
        <v>718</v>
      </c>
      <c r="G1369" s="3" t="s">
        <v>16</v>
      </c>
      <c r="H1369" s="3" t="s">
        <v>17</v>
      </c>
      <c r="I1369" s="3" t="s">
        <v>18</v>
      </c>
      <c r="J1369" s="3" t="s">
        <v>13</v>
      </c>
      <c r="K1369" s="4">
        <v>43366</v>
      </c>
    </row>
    <row r="1370" spans="1:11" ht="150" x14ac:dyDescent="0.25">
      <c r="A1370" s="6" t="s">
        <v>755</v>
      </c>
      <c r="B1370" s="8" t="s">
        <v>12</v>
      </c>
      <c r="C1370" s="8">
        <v>1909</v>
      </c>
      <c r="D1370" s="8">
        <v>1909</v>
      </c>
      <c r="E1370" s="3" t="s">
        <v>756</v>
      </c>
      <c r="F1370" s="6" t="s">
        <v>757</v>
      </c>
      <c r="G1370" s="3" t="s">
        <v>16</v>
      </c>
      <c r="H1370" s="3" t="s">
        <v>17</v>
      </c>
      <c r="I1370" s="3" t="s">
        <v>18</v>
      </c>
      <c r="J1370" s="3" t="s">
        <v>13</v>
      </c>
      <c r="K1370" s="4">
        <v>43366</v>
      </c>
    </row>
    <row r="1371" spans="1:11" ht="75" x14ac:dyDescent="0.25">
      <c r="A1371" s="6" t="s">
        <v>933</v>
      </c>
      <c r="B1371" s="8" t="s">
        <v>12</v>
      </c>
      <c r="C1371" s="8" t="s">
        <v>934</v>
      </c>
      <c r="D1371" s="9">
        <v>7012</v>
      </c>
      <c r="E1371" s="3" t="s">
        <v>935</v>
      </c>
      <c r="F1371" s="6" t="s">
        <v>936</v>
      </c>
      <c r="G1371" s="3" t="s">
        <v>16</v>
      </c>
      <c r="H1371" s="3" t="s">
        <v>17</v>
      </c>
      <c r="I1371" s="3" t="s">
        <v>250</v>
      </c>
      <c r="J1371" s="3" t="s">
        <v>13</v>
      </c>
      <c r="K1371" s="4">
        <v>43366</v>
      </c>
    </row>
    <row r="1372" spans="1:11" ht="105" x14ac:dyDescent="0.25">
      <c r="A1372" s="6" t="s">
        <v>995</v>
      </c>
      <c r="B1372" s="8" t="s">
        <v>12</v>
      </c>
      <c r="C1372" s="8" t="s">
        <v>996</v>
      </c>
      <c r="D1372" s="8">
        <v>1860</v>
      </c>
      <c r="E1372" s="3" t="s">
        <v>230</v>
      </c>
      <c r="F1372" s="6" t="s">
        <v>997</v>
      </c>
      <c r="G1372" s="3" t="s">
        <v>16</v>
      </c>
      <c r="H1372" s="3" t="s">
        <v>17</v>
      </c>
      <c r="I1372" s="3" t="s">
        <v>18</v>
      </c>
      <c r="J1372" s="3" t="s">
        <v>13</v>
      </c>
      <c r="K1372" s="4">
        <v>43366</v>
      </c>
    </row>
    <row r="1373" spans="1:11" ht="45" x14ac:dyDescent="0.25">
      <c r="A1373" s="6" t="s">
        <v>1142</v>
      </c>
      <c r="B1373" s="8" t="s">
        <v>12</v>
      </c>
      <c r="C1373" s="8" t="s">
        <v>572</v>
      </c>
      <c r="D1373" s="8">
        <v>1765</v>
      </c>
      <c r="E1373" s="3" t="s">
        <v>1143</v>
      </c>
      <c r="F1373" s="6" t="s">
        <v>1144</v>
      </c>
      <c r="G1373" s="3" t="s">
        <v>16</v>
      </c>
      <c r="H1373" s="3" t="s">
        <v>17</v>
      </c>
      <c r="I1373" s="3" t="s">
        <v>18</v>
      </c>
      <c r="J1373" s="3" t="s">
        <v>13</v>
      </c>
      <c r="K1373" s="4">
        <v>43366</v>
      </c>
    </row>
    <row r="1374" spans="1:11" ht="60" x14ac:dyDescent="0.25">
      <c r="A1374" s="6" t="s">
        <v>1422</v>
      </c>
      <c r="B1374" s="8" t="s">
        <v>12</v>
      </c>
      <c r="C1374" s="8">
        <v>1677</v>
      </c>
      <c r="D1374" s="8">
        <v>1677</v>
      </c>
      <c r="E1374" s="3" t="s">
        <v>1423</v>
      </c>
      <c r="F1374" s="6" t="s">
        <v>1424</v>
      </c>
      <c r="G1374" s="3" t="s">
        <v>16</v>
      </c>
      <c r="H1374" s="3" t="s">
        <v>17</v>
      </c>
      <c r="I1374" s="3" t="s">
        <v>1425</v>
      </c>
      <c r="J1374" s="3" t="s">
        <v>13</v>
      </c>
      <c r="K1374" s="4">
        <v>43366</v>
      </c>
    </row>
    <row r="1375" spans="1:11" ht="45" x14ac:dyDescent="0.25">
      <c r="A1375" s="6" t="s">
        <v>1504</v>
      </c>
      <c r="B1375" s="8" t="s">
        <v>12</v>
      </c>
      <c r="C1375" s="8" t="s">
        <v>1505</v>
      </c>
      <c r="D1375" s="8" t="s">
        <v>1506</v>
      </c>
      <c r="E1375" s="3" t="s">
        <v>127</v>
      </c>
      <c r="F1375" s="6" t="s">
        <v>128</v>
      </c>
      <c r="G1375" s="3" t="s">
        <v>16</v>
      </c>
      <c r="H1375" s="3" t="s">
        <v>17</v>
      </c>
      <c r="I1375" s="3" t="s">
        <v>18</v>
      </c>
      <c r="J1375" s="3" t="s">
        <v>13</v>
      </c>
      <c r="K1375" s="4">
        <v>43366</v>
      </c>
    </row>
    <row r="1376" spans="1:11" ht="45" x14ac:dyDescent="0.25">
      <c r="A1376" s="6" t="s">
        <v>1589</v>
      </c>
      <c r="B1376" s="8" t="s">
        <v>12</v>
      </c>
      <c r="C1376" s="8">
        <v>1701</v>
      </c>
      <c r="D1376" s="8">
        <v>1701</v>
      </c>
      <c r="E1376" s="3" t="s">
        <v>1590</v>
      </c>
      <c r="F1376" s="6" t="s">
        <v>1591</v>
      </c>
      <c r="G1376" s="3" t="s">
        <v>16</v>
      </c>
      <c r="H1376" s="3" t="s">
        <v>17</v>
      </c>
      <c r="I1376" s="3" t="s">
        <v>18</v>
      </c>
      <c r="J1376" s="3" t="s">
        <v>13</v>
      </c>
      <c r="K1376" s="4">
        <v>43366</v>
      </c>
    </row>
    <row r="1377" spans="1:11" ht="105" x14ac:dyDescent="0.25">
      <c r="A1377" s="6" t="s">
        <v>1680</v>
      </c>
      <c r="B1377" s="8" t="s">
        <v>12</v>
      </c>
      <c r="C1377" s="8" t="s">
        <v>1681</v>
      </c>
      <c r="D1377" s="9">
        <v>1172</v>
      </c>
      <c r="E1377" s="3" t="s">
        <v>107</v>
      </c>
      <c r="F1377" s="6" t="s">
        <v>1682</v>
      </c>
      <c r="G1377" s="3" t="s">
        <v>16</v>
      </c>
      <c r="H1377" s="3" t="s">
        <v>17</v>
      </c>
      <c r="I1377" s="3" t="s">
        <v>18</v>
      </c>
      <c r="J1377" s="3" t="s">
        <v>1683</v>
      </c>
      <c r="K1377" s="4">
        <v>43366</v>
      </c>
    </row>
    <row r="1378" spans="1:11" ht="105" x14ac:dyDescent="0.25">
      <c r="A1378" s="6" t="s">
        <v>2170</v>
      </c>
      <c r="B1378" s="8" t="s">
        <v>12</v>
      </c>
      <c r="C1378" s="8" t="s">
        <v>2171</v>
      </c>
      <c r="D1378" s="8">
        <v>1571</v>
      </c>
      <c r="E1378" s="3" t="s">
        <v>2172</v>
      </c>
      <c r="F1378" s="6" t="s">
        <v>2173</v>
      </c>
      <c r="G1378" s="3" t="s">
        <v>16</v>
      </c>
      <c r="H1378" s="3" t="s">
        <v>170</v>
      </c>
      <c r="I1378" s="3" t="s">
        <v>171</v>
      </c>
      <c r="J1378" s="3" t="s">
        <v>2174</v>
      </c>
      <c r="K1378" s="4">
        <v>43366</v>
      </c>
    </row>
    <row r="1379" spans="1:11" ht="165" x14ac:dyDescent="0.25">
      <c r="A1379" s="6" t="s">
        <v>2275</v>
      </c>
      <c r="B1379" s="8" t="s">
        <v>12</v>
      </c>
      <c r="C1379" s="8">
        <v>1598</v>
      </c>
      <c r="D1379" s="8">
        <v>1598</v>
      </c>
      <c r="E1379" s="3" t="s">
        <v>2276</v>
      </c>
      <c r="F1379" s="6" t="s">
        <v>2277</v>
      </c>
      <c r="G1379" s="3" t="s">
        <v>16</v>
      </c>
      <c r="H1379" s="3" t="s">
        <v>170</v>
      </c>
      <c r="I1379" s="3" t="s">
        <v>2278</v>
      </c>
      <c r="J1379" s="3" t="s">
        <v>13</v>
      </c>
      <c r="K1379" s="4">
        <v>43366</v>
      </c>
    </row>
    <row r="1380" spans="1:11" ht="150" x14ac:dyDescent="0.25">
      <c r="A1380" s="6" t="s">
        <v>2327</v>
      </c>
      <c r="B1380" s="8" t="s">
        <v>12</v>
      </c>
      <c r="C1380" s="8" t="s">
        <v>2328</v>
      </c>
      <c r="D1380" s="8">
        <v>1554</v>
      </c>
      <c r="E1380" s="3" t="s">
        <v>2329</v>
      </c>
      <c r="F1380" s="6" t="s">
        <v>2330</v>
      </c>
      <c r="G1380" s="3" t="s">
        <v>16</v>
      </c>
      <c r="H1380" s="3" t="s">
        <v>170</v>
      </c>
      <c r="I1380" s="3" t="s">
        <v>388</v>
      </c>
      <c r="J1380" s="3" t="s">
        <v>13</v>
      </c>
      <c r="K1380" s="4">
        <v>43366</v>
      </c>
    </row>
    <row r="1381" spans="1:11" ht="75" x14ac:dyDescent="0.25">
      <c r="A1381" s="6" t="s">
        <v>2353</v>
      </c>
      <c r="B1381" s="8" t="s">
        <v>12</v>
      </c>
      <c r="C1381" s="8">
        <v>1914</v>
      </c>
      <c r="D1381" s="8">
        <v>1914</v>
      </c>
      <c r="E1381" s="3" t="s">
        <v>2354</v>
      </c>
      <c r="F1381" s="6" t="s">
        <v>2355</v>
      </c>
      <c r="G1381" s="3" t="s">
        <v>16</v>
      </c>
      <c r="H1381" s="3" t="s">
        <v>17</v>
      </c>
      <c r="I1381" s="3" t="s">
        <v>1425</v>
      </c>
      <c r="J1381" s="3" t="s">
        <v>13</v>
      </c>
      <c r="K1381" s="4">
        <v>43366</v>
      </c>
    </row>
    <row r="1382" spans="1:11" ht="195" x14ac:dyDescent="0.25">
      <c r="A1382" s="6" t="s">
        <v>2356</v>
      </c>
      <c r="B1382" s="8" t="s">
        <v>12</v>
      </c>
      <c r="C1382" s="8" t="s">
        <v>2357</v>
      </c>
      <c r="D1382" s="8">
        <v>1549</v>
      </c>
      <c r="E1382" s="3" t="s">
        <v>2358</v>
      </c>
      <c r="F1382" s="6" t="s">
        <v>2359</v>
      </c>
      <c r="G1382" s="3" t="s">
        <v>16</v>
      </c>
      <c r="H1382" s="3" t="s">
        <v>170</v>
      </c>
      <c r="I1382" s="3" t="s">
        <v>388</v>
      </c>
      <c r="J1382" s="3" t="s">
        <v>2360</v>
      </c>
      <c r="K1382" s="4">
        <v>43366</v>
      </c>
    </row>
    <row r="1383" spans="1:11" ht="120" x14ac:dyDescent="0.25">
      <c r="A1383" s="6" t="s">
        <v>2509</v>
      </c>
      <c r="B1383" s="8" t="s">
        <v>12</v>
      </c>
      <c r="C1383" s="8" t="s">
        <v>1044</v>
      </c>
      <c r="D1383" s="8">
        <v>1570</v>
      </c>
      <c r="E1383" s="3" t="s">
        <v>2065</v>
      </c>
      <c r="F1383" s="6" t="s">
        <v>2510</v>
      </c>
      <c r="G1383" s="3" t="s">
        <v>16</v>
      </c>
      <c r="H1383" s="3" t="s">
        <v>30</v>
      </c>
      <c r="I1383" s="3" t="s">
        <v>264</v>
      </c>
      <c r="J1383" s="3" t="s">
        <v>13</v>
      </c>
      <c r="K1383" s="4">
        <v>43366</v>
      </c>
    </row>
    <row r="1384" spans="1:11" ht="45" x14ac:dyDescent="0.25">
      <c r="A1384" s="6" t="s">
        <v>2528</v>
      </c>
      <c r="B1384" s="8" t="s">
        <v>12</v>
      </c>
      <c r="C1384" s="9">
        <v>6302</v>
      </c>
      <c r="D1384" s="9">
        <v>6302</v>
      </c>
      <c r="E1384" s="3" t="s">
        <v>2529</v>
      </c>
      <c r="F1384" s="6" t="s">
        <v>2530</v>
      </c>
      <c r="G1384" s="3" t="s">
        <v>16</v>
      </c>
      <c r="H1384" s="3" t="s">
        <v>17</v>
      </c>
      <c r="I1384" s="3" t="s">
        <v>18</v>
      </c>
      <c r="J1384" s="3" t="s">
        <v>104</v>
      </c>
      <c r="K1384" s="4">
        <v>43366</v>
      </c>
    </row>
    <row r="1385" spans="1:11" ht="45" x14ac:dyDescent="0.25">
      <c r="A1385" s="6" t="s">
        <v>2553</v>
      </c>
      <c r="B1385" s="8" t="s">
        <v>12</v>
      </c>
      <c r="C1385" s="8">
        <v>1907</v>
      </c>
      <c r="D1385" s="8">
        <v>1907</v>
      </c>
      <c r="E1385" s="3" t="s">
        <v>127</v>
      </c>
      <c r="F1385" s="6" t="s">
        <v>128</v>
      </c>
      <c r="G1385" s="3" t="s">
        <v>16</v>
      </c>
      <c r="H1385" s="3" t="s">
        <v>17</v>
      </c>
      <c r="I1385" s="3" t="s">
        <v>18</v>
      </c>
      <c r="J1385" s="3" t="s">
        <v>13</v>
      </c>
      <c r="K1385" s="4">
        <v>43366</v>
      </c>
    </row>
    <row r="1386" spans="1:11" ht="45" x14ac:dyDescent="0.25">
      <c r="A1386" s="6" t="s">
        <v>2567</v>
      </c>
      <c r="B1386" s="8" t="s">
        <v>12</v>
      </c>
      <c r="C1386" s="8">
        <v>1713</v>
      </c>
      <c r="D1386" s="8">
        <v>1713</v>
      </c>
      <c r="E1386" s="3" t="s">
        <v>922</v>
      </c>
      <c r="F1386" s="6" t="s">
        <v>2568</v>
      </c>
      <c r="G1386" s="3" t="s">
        <v>16</v>
      </c>
      <c r="H1386" s="3" t="s">
        <v>17</v>
      </c>
      <c r="I1386" s="3" t="s">
        <v>18</v>
      </c>
      <c r="J1386" s="3" t="s">
        <v>13</v>
      </c>
      <c r="K1386" s="4">
        <v>43366</v>
      </c>
    </row>
    <row r="1387" spans="1:11" ht="180" x14ac:dyDescent="0.25">
      <c r="A1387" s="6" t="s">
        <v>2666</v>
      </c>
      <c r="B1387" s="8" t="s">
        <v>12</v>
      </c>
      <c r="C1387" s="8">
        <v>1895</v>
      </c>
      <c r="D1387" s="8">
        <v>1895</v>
      </c>
      <c r="E1387" s="3" t="s">
        <v>102</v>
      </c>
      <c r="F1387" s="6" t="s">
        <v>2667</v>
      </c>
      <c r="G1387" s="3" t="s">
        <v>16</v>
      </c>
      <c r="H1387" s="3" t="s">
        <v>17</v>
      </c>
      <c r="I1387" s="3" t="s">
        <v>18</v>
      </c>
      <c r="J1387" s="3" t="s">
        <v>13</v>
      </c>
      <c r="K1387" s="4">
        <v>43366</v>
      </c>
    </row>
    <row r="1388" spans="1:11" ht="30" x14ac:dyDescent="0.25">
      <c r="A1388" s="6" t="s">
        <v>2934</v>
      </c>
      <c r="B1388" s="8" t="s">
        <v>12</v>
      </c>
      <c r="C1388" s="8">
        <v>1923</v>
      </c>
      <c r="D1388" s="8">
        <v>1923</v>
      </c>
      <c r="E1388" s="3" t="s">
        <v>2935</v>
      </c>
      <c r="F1388" s="6" t="s">
        <v>2936</v>
      </c>
      <c r="G1388" s="3" t="s">
        <v>16</v>
      </c>
      <c r="H1388" s="3" t="s">
        <v>17</v>
      </c>
      <c r="I1388" s="3" t="s">
        <v>350</v>
      </c>
      <c r="J1388" s="3" t="s">
        <v>13</v>
      </c>
      <c r="K1388" s="4">
        <v>43366</v>
      </c>
    </row>
    <row r="1389" spans="1:11" ht="135" x14ac:dyDescent="0.25">
      <c r="A1389" s="6" t="s">
        <v>2978</v>
      </c>
      <c r="B1389" s="8" t="s">
        <v>12</v>
      </c>
      <c r="C1389" s="8">
        <v>1904</v>
      </c>
      <c r="D1389" s="8">
        <v>1904</v>
      </c>
      <c r="E1389" s="3" t="s">
        <v>2979</v>
      </c>
      <c r="F1389" s="6" t="s">
        <v>2980</v>
      </c>
      <c r="G1389" s="3" t="s">
        <v>16</v>
      </c>
      <c r="H1389" s="3" t="s">
        <v>17</v>
      </c>
      <c r="I1389" s="3" t="s">
        <v>2981</v>
      </c>
      <c r="J1389" s="3" t="s">
        <v>13</v>
      </c>
      <c r="K1389" s="4">
        <v>43366</v>
      </c>
    </row>
    <row r="1390" spans="1:11" ht="60" x14ac:dyDescent="0.25">
      <c r="A1390" s="6" t="s">
        <v>3037</v>
      </c>
      <c r="B1390" s="8" t="s">
        <v>12</v>
      </c>
      <c r="C1390" s="8">
        <v>1904</v>
      </c>
      <c r="D1390" s="8">
        <v>1904</v>
      </c>
      <c r="E1390" s="3" t="s">
        <v>557</v>
      </c>
      <c r="F1390" s="6" t="s">
        <v>3038</v>
      </c>
      <c r="G1390" s="3" t="s">
        <v>16</v>
      </c>
      <c r="H1390" s="3" t="s">
        <v>17</v>
      </c>
      <c r="I1390" s="3" t="s">
        <v>18</v>
      </c>
      <c r="J1390" s="3" t="s">
        <v>3039</v>
      </c>
      <c r="K1390" s="4">
        <v>43366</v>
      </c>
    </row>
    <row r="1391" spans="1:11" ht="75" x14ac:dyDescent="0.25">
      <c r="A1391" s="6" t="s">
        <v>3101</v>
      </c>
      <c r="B1391" s="8" t="s">
        <v>12</v>
      </c>
      <c r="C1391" s="8">
        <v>1841</v>
      </c>
      <c r="D1391" s="8">
        <v>1841</v>
      </c>
      <c r="E1391" s="3" t="s">
        <v>13</v>
      </c>
      <c r="F1391" s="6" t="s">
        <v>3102</v>
      </c>
      <c r="G1391" s="3" t="s">
        <v>16</v>
      </c>
      <c r="H1391" s="3" t="s">
        <v>17</v>
      </c>
      <c r="I1391" s="3" t="s">
        <v>18</v>
      </c>
      <c r="J1391" s="3" t="s">
        <v>13</v>
      </c>
      <c r="K1391" s="4">
        <v>43366</v>
      </c>
    </row>
    <row r="1392" spans="1:11" ht="315" x14ac:dyDescent="0.25">
      <c r="A1392" s="6" t="s">
        <v>3400</v>
      </c>
      <c r="B1392" s="8" t="s">
        <v>12</v>
      </c>
      <c r="C1392" s="8">
        <v>1681</v>
      </c>
      <c r="D1392" s="8">
        <v>1681</v>
      </c>
      <c r="E1392" s="3" t="s">
        <v>3401</v>
      </c>
      <c r="F1392" s="6" t="s">
        <v>3402</v>
      </c>
      <c r="G1392" s="3" t="s">
        <v>16</v>
      </c>
      <c r="H1392" s="3" t="s">
        <v>17</v>
      </c>
      <c r="I1392" s="3" t="s">
        <v>18</v>
      </c>
      <c r="J1392" s="3" t="s">
        <v>13</v>
      </c>
      <c r="K1392" s="4">
        <v>43366</v>
      </c>
    </row>
    <row r="1393" spans="1:11" ht="45" x14ac:dyDescent="0.25">
      <c r="A1393" s="6" t="s">
        <v>3403</v>
      </c>
      <c r="B1393" s="8" t="s">
        <v>12</v>
      </c>
      <c r="C1393" s="8">
        <v>1915</v>
      </c>
      <c r="D1393" s="8">
        <v>1915</v>
      </c>
      <c r="E1393" s="3" t="s">
        <v>3404</v>
      </c>
      <c r="F1393" s="6" t="s">
        <v>3405</v>
      </c>
      <c r="G1393" s="3" t="s">
        <v>16</v>
      </c>
      <c r="H1393" s="3" t="s">
        <v>17</v>
      </c>
      <c r="I1393" s="3" t="s">
        <v>18</v>
      </c>
      <c r="J1393" s="3" t="s">
        <v>13</v>
      </c>
      <c r="K1393" s="4">
        <v>43366</v>
      </c>
    </row>
    <row r="1394" spans="1:11" ht="150" x14ac:dyDescent="0.25">
      <c r="A1394" s="6" t="s">
        <v>3462</v>
      </c>
      <c r="B1394" s="8" t="s">
        <v>12</v>
      </c>
      <c r="C1394" s="8" t="s">
        <v>3463</v>
      </c>
      <c r="D1394" s="8">
        <v>1571</v>
      </c>
      <c r="E1394" s="3" t="s">
        <v>3464</v>
      </c>
      <c r="F1394" s="6" t="s">
        <v>3465</v>
      </c>
      <c r="G1394" s="3" t="s">
        <v>16</v>
      </c>
      <c r="H1394" s="3" t="s">
        <v>170</v>
      </c>
      <c r="I1394" s="3" t="s">
        <v>203</v>
      </c>
      <c r="J1394" s="3" t="s">
        <v>13</v>
      </c>
      <c r="K1394" s="4">
        <v>43366</v>
      </c>
    </row>
    <row r="1395" spans="1:11" ht="255" x14ac:dyDescent="0.25">
      <c r="A1395" s="6" t="s">
        <v>3696</v>
      </c>
      <c r="B1395" s="8" t="s">
        <v>12</v>
      </c>
      <c r="C1395" s="8" t="s">
        <v>2241</v>
      </c>
      <c r="D1395" s="8">
        <v>1781</v>
      </c>
      <c r="E1395" s="3" t="s">
        <v>3697</v>
      </c>
      <c r="F1395" s="6" t="s">
        <v>3698</v>
      </c>
      <c r="G1395" s="3" t="s">
        <v>16</v>
      </c>
      <c r="H1395" s="3" t="s">
        <v>17</v>
      </c>
      <c r="I1395" s="3" t="s">
        <v>18</v>
      </c>
      <c r="J1395" s="3" t="s">
        <v>13</v>
      </c>
      <c r="K1395" s="4">
        <v>43366</v>
      </c>
    </row>
    <row r="1396" spans="1:11" ht="45" x14ac:dyDescent="0.25">
      <c r="A1396" s="6" t="s">
        <v>3822</v>
      </c>
      <c r="B1396" s="8" t="s">
        <v>12</v>
      </c>
      <c r="C1396" s="8">
        <v>1923</v>
      </c>
      <c r="D1396" s="8">
        <v>1923</v>
      </c>
      <c r="E1396" s="3" t="s">
        <v>3823</v>
      </c>
      <c r="F1396" s="6" t="s">
        <v>3824</v>
      </c>
      <c r="G1396" s="3" t="s">
        <v>16</v>
      </c>
      <c r="H1396" s="3" t="s">
        <v>17</v>
      </c>
      <c r="I1396" s="3" t="s">
        <v>18</v>
      </c>
      <c r="J1396" s="3" t="s">
        <v>13</v>
      </c>
      <c r="K1396" s="4">
        <v>43366</v>
      </c>
    </row>
    <row r="1397" spans="1:11" ht="60" x14ac:dyDescent="0.25">
      <c r="A1397" s="6" t="s">
        <v>3827</v>
      </c>
      <c r="B1397" s="8" t="s">
        <v>12</v>
      </c>
      <c r="C1397" s="8" t="s">
        <v>3828</v>
      </c>
      <c r="D1397" s="8" t="s">
        <v>3829</v>
      </c>
      <c r="E1397" s="3" t="s">
        <v>3830</v>
      </c>
      <c r="F1397" s="6" t="s">
        <v>3831</v>
      </c>
      <c r="G1397" s="3" t="s">
        <v>16</v>
      </c>
      <c r="H1397" s="3" t="s">
        <v>17</v>
      </c>
      <c r="I1397" s="3" t="s">
        <v>18</v>
      </c>
      <c r="J1397" s="3" t="s">
        <v>13</v>
      </c>
      <c r="K1397" s="4">
        <v>43366</v>
      </c>
    </row>
    <row r="1398" spans="1:11" ht="45" x14ac:dyDescent="0.25">
      <c r="A1398" s="6" t="s">
        <v>3895</v>
      </c>
      <c r="B1398" s="8" t="s">
        <v>12</v>
      </c>
      <c r="C1398" s="8" t="s">
        <v>3896</v>
      </c>
      <c r="D1398" s="8" t="s">
        <v>3897</v>
      </c>
      <c r="E1398" s="3" t="s">
        <v>13</v>
      </c>
      <c r="F1398" s="6" t="s">
        <v>3898</v>
      </c>
      <c r="G1398" s="3" t="s">
        <v>16</v>
      </c>
      <c r="H1398" s="3" t="s">
        <v>17</v>
      </c>
      <c r="I1398" s="3" t="s">
        <v>18</v>
      </c>
      <c r="J1398" s="3" t="s">
        <v>3899</v>
      </c>
      <c r="K1398" s="4">
        <v>43366</v>
      </c>
    </row>
    <row r="1399" spans="1:11" ht="150" x14ac:dyDescent="0.25">
      <c r="A1399" s="6" t="s">
        <v>3930</v>
      </c>
      <c r="B1399" s="8" t="s">
        <v>12</v>
      </c>
      <c r="C1399" s="8">
        <v>1913</v>
      </c>
      <c r="D1399" s="8">
        <v>1913</v>
      </c>
      <c r="E1399" s="3" t="s">
        <v>461</v>
      </c>
      <c r="F1399" s="6" t="s">
        <v>3931</v>
      </c>
      <c r="G1399" s="3" t="s">
        <v>16</v>
      </c>
      <c r="H1399" s="3" t="s">
        <v>17</v>
      </c>
      <c r="I1399" s="3" t="s">
        <v>18</v>
      </c>
      <c r="J1399" s="3" t="s">
        <v>13</v>
      </c>
      <c r="K1399" s="4">
        <v>43366</v>
      </c>
    </row>
    <row r="1400" spans="1:11" ht="75" x14ac:dyDescent="0.25">
      <c r="A1400" s="6" t="s">
        <v>3948</v>
      </c>
      <c r="B1400" s="8" t="s">
        <v>12</v>
      </c>
      <c r="C1400" s="8" t="s">
        <v>991</v>
      </c>
      <c r="D1400" s="8">
        <v>1568</v>
      </c>
      <c r="E1400" s="3" t="s">
        <v>3949</v>
      </c>
      <c r="F1400" s="6" t="s">
        <v>3950</v>
      </c>
      <c r="G1400" s="3" t="s">
        <v>16</v>
      </c>
      <c r="H1400" s="3" t="s">
        <v>24</v>
      </c>
      <c r="I1400" s="3" t="s">
        <v>264</v>
      </c>
      <c r="J1400" s="3" t="s">
        <v>13</v>
      </c>
      <c r="K1400" s="4">
        <v>43366</v>
      </c>
    </row>
    <row r="1401" spans="1:11" ht="135" x14ac:dyDescent="0.25">
      <c r="A1401" s="6" t="s">
        <v>4103</v>
      </c>
      <c r="B1401" s="8" t="s">
        <v>12</v>
      </c>
      <c r="C1401" s="8" t="s">
        <v>4104</v>
      </c>
      <c r="D1401" s="8">
        <v>1907</v>
      </c>
      <c r="E1401" s="3" t="s">
        <v>211</v>
      </c>
      <c r="F1401" s="6" t="s">
        <v>4105</v>
      </c>
      <c r="G1401" s="3" t="s">
        <v>16</v>
      </c>
      <c r="H1401" s="3" t="s">
        <v>17</v>
      </c>
      <c r="I1401" s="3" t="s">
        <v>18</v>
      </c>
      <c r="J1401" s="3" t="s">
        <v>13</v>
      </c>
      <c r="K1401" s="4">
        <v>43366</v>
      </c>
    </row>
    <row r="1402" spans="1:11" ht="60" x14ac:dyDescent="0.25">
      <c r="A1402" s="6" t="s">
        <v>4344</v>
      </c>
      <c r="B1402" s="8" t="s">
        <v>12</v>
      </c>
      <c r="C1402" s="8">
        <v>1902</v>
      </c>
      <c r="D1402" s="8">
        <v>1902</v>
      </c>
      <c r="E1402" s="3" t="s">
        <v>515</v>
      </c>
      <c r="F1402" s="6" t="s">
        <v>4345</v>
      </c>
      <c r="G1402" s="3" t="s">
        <v>16</v>
      </c>
      <c r="H1402" s="3" t="s">
        <v>17</v>
      </c>
      <c r="I1402" s="3" t="s">
        <v>18</v>
      </c>
      <c r="J1402" s="3" t="s">
        <v>13</v>
      </c>
      <c r="K1402" s="4">
        <v>43366</v>
      </c>
    </row>
    <row r="1403" spans="1:11" ht="30" x14ac:dyDescent="0.25">
      <c r="A1403" s="6" t="s">
        <v>4388</v>
      </c>
      <c r="B1403" s="8" t="s">
        <v>12</v>
      </c>
      <c r="C1403" s="8" t="s">
        <v>1229</v>
      </c>
      <c r="D1403" s="8">
        <v>1686</v>
      </c>
      <c r="E1403" s="3" t="s">
        <v>4226</v>
      </c>
      <c r="F1403" s="6" t="s">
        <v>4389</v>
      </c>
      <c r="G1403" s="3" t="s">
        <v>16</v>
      </c>
      <c r="H1403" s="3" t="s">
        <v>30</v>
      </c>
      <c r="I1403" s="3" t="s">
        <v>31</v>
      </c>
      <c r="J1403" s="3" t="s">
        <v>13</v>
      </c>
      <c r="K1403" s="4">
        <v>43366</v>
      </c>
    </row>
    <row r="1404" spans="1:11" ht="165" x14ac:dyDescent="0.25">
      <c r="A1404" s="6" t="s">
        <v>4561</v>
      </c>
      <c r="B1404" s="8" t="s">
        <v>12</v>
      </c>
      <c r="C1404" s="8" t="s">
        <v>4562</v>
      </c>
      <c r="D1404" s="8">
        <v>1572</v>
      </c>
      <c r="E1404" s="3" t="s">
        <v>4563</v>
      </c>
      <c r="F1404" s="6" t="s">
        <v>4564</v>
      </c>
      <c r="G1404" s="3" t="s">
        <v>16</v>
      </c>
      <c r="H1404" s="3" t="s">
        <v>30</v>
      </c>
      <c r="I1404" s="3" t="s">
        <v>858</v>
      </c>
      <c r="J1404" s="3" t="s">
        <v>13</v>
      </c>
      <c r="K1404" s="4">
        <v>43366</v>
      </c>
    </row>
    <row r="1405" spans="1:11" ht="150" x14ac:dyDescent="0.25">
      <c r="A1405" s="6" t="s">
        <v>4606</v>
      </c>
      <c r="B1405" s="8" t="s">
        <v>12</v>
      </c>
      <c r="C1405" s="8" t="s">
        <v>4607</v>
      </c>
      <c r="D1405" s="9">
        <v>1998</v>
      </c>
      <c r="E1405" s="3" t="s">
        <v>4608</v>
      </c>
      <c r="F1405" s="6" t="s">
        <v>4609</v>
      </c>
      <c r="G1405" s="3" t="s">
        <v>16</v>
      </c>
      <c r="H1405" s="3" t="s">
        <v>17</v>
      </c>
      <c r="I1405" s="3" t="s">
        <v>18</v>
      </c>
      <c r="J1405" s="3" t="s">
        <v>517</v>
      </c>
      <c r="K1405" s="4">
        <v>43366</v>
      </c>
    </row>
    <row r="1406" spans="1:11" ht="45" x14ac:dyDescent="0.25">
      <c r="A1406" s="6" t="s">
        <v>4940</v>
      </c>
      <c r="B1406" s="8" t="s">
        <v>12</v>
      </c>
      <c r="C1406" s="8" t="s">
        <v>4941</v>
      </c>
      <c r="D1406" s="8" t="s">
        <v>4942</v>
      </c>
      <c r="E1406" s="3" t="s">
        <v>13</v>
      </c>
      <c r="F1406" s="6" t="s">
        <v>4943</v>
      </c>
      <c r="G1406" s="3" t="s">
        <v>16</v>
      </c>
      <c r="H1406" s="3" t="s">
        <v>17</v>
      </c>
      <c r="I1406" s="3" t="s">
        <v>13</v>
      </c>
      <c r="J1406" s="3" t="s">
        <v>4944</v>
      </c>
      <c r="K1406" s="4">
        <v>43366</v>
      </c>
    </row>
    <row r="1407" spans="1:11" ht="45" x14ac:dyDescent="0.25">
      <c r="A1407" s="6" t="s">
        <v>4990</v>
      </c>
      <c r="B1407" s="8" t="s">
        <v>12</v>
      </c>
      <c r="C1407" s="9">
        <v>5952</v>
      </c>
      <c r="D1407" s="9">
        <v>5952</v>
      </c>
      <c r="E1407" s="3" t="s">
        <v>2529</v>
      </c>
      <c r="F1407" s="6" t="s">
        <v>2530</v>
      </c>
      <c r="G1407" s="3" t="s">
        <v>16</v>
      </c>
      <c r="H1407" s="3" t="s">
        <v>17</v>
      </c>
      <c r="I1407" s="3" t="s">
        <v>18</v>
      </c>
      <c r="J1407" s="3" t="s">
        <v>104</v>
      </c>
      <c r="K1407" s="4">
        <v>43366</v>
      </c>
    </row>
    <row r="1408" spans="1:11" ht="60" x14ac:dyDescent="0.25">
      <c r="A1408" s="6" t="s">
        <v>5122</v>
      </c>
      <c r="B1408" s="8" t="s">
        <v>12</v>
      </c>
      <c r="C1408" s="8" t="s">
        <v>5123</v>
      </c>
      <c r="D1408" s="8" t="s">
        <v>5124</v>
      </c>
      <c r="E1408" s="3" t="s">
        <v>13</v>
      </c>
      <c r="F1408" s="6" t="s">
        <v>5125</v>
      </c>
      <c r="G1408" s="3" t="s">
        <v>16</v>
      </c>
      <c r="H1408" s="3" t="s">
        <v>17</v>
      </c>
      <c r="I1408" s="3" t="s">
        <v>13</v>
      </c>
      <c r="J1408" s="3" t="s">
        <v>13</v>
      </c>
      <c r="K1408" s="4">
        <v>43366</v>
      </c>
    </row>
    <row r="1409" spans="1:11" ht="165" x14ac:dyDescent="0.25">
      <c r="A1409" s="6" t="s">
        <v>5241</v>
      </c>
      <c r="B1409" s="8" t="s">
        <v>12</v>
      </c>
      <c r="C1409" s="8" t="s">
        <v>5242</v>
      </c>
      <c r="D1409" s="9">
        <v>4118</v>
      </c>
      <c r="E1409" s="3" t="s">
        <v>1135</v>
      </c>
      <c r="F1409" s="6" t="s">
        <v>1136</v>
      </c>
      <c r="G1409" s="3" t="s">
        <v>16</v>
      </c>
      <c r="H1409" s="3" t="s">
        <v>17</v>
      </c>
      <c r="I1409" s="3" t="s">
        <v>18</v>
      </c>
      <c r="J1409" s="3" t="s">
        <v>1137</v>
      </c>
      <c r="K1409" s="4">
        <v>43366</v>
      </c>
    </row>
    <row r="1410" spans="1:11" ht="45" x14ac:dyDescent="0.25">
      <c r="A1410" s="6" t="s">
        <v>5373</v>
      </c>
      <c r="B1410" s="8" t="s">
        <v>12</v>
      </c>
      <c r="C1410" s="8">
        <v>1665</v>
      </c>
      <c r="D1410" s="8">
        <v>1665</v>
      </c>
      <c r="E1410" s="3" t="s">
        <v>5374</v>
      </c>
      <c r="F1410" s="6" t="s">
        <v>5375</v>
      </c>
      <c r="G1410" s="3" t="s">
        <v>16</v>
      </c>
      <c r="H1410" s="3" t="s">
        <v>17</v>
      </c>
      <c r="I1410" s="3" t="s">
        <v>18</v>
      </c>
      <c r="J1410" s="3" t="s">
        <v>13</v>
      </c>
      <c r="K1410" s="4">
        <v>43366</v>
      </c>
    </row>
    <row r="1411" spans="1:11" ht="45" x14ac:dyDescent="0.25">
      <c r="A1411" s="6" t="s">
        <v>5521</v>
      </c>
      <c r="B1411" s="8" t="s">
        <v>12</v>
      </c>
      <c r="C1411" s="8">
        <v>1921</v>
      </c>
      <c r="D1411" s="8">
        <v>1921</v>
      </c>
      <c r="E1411" s="3" t="s">
        <v>5522</v>
      </c>
      <c r="F1411" s="6" t="s">
        <v>5523</v>
      </c>
      <c r="G1411" s="3" t="s">
        <v>16</v>
      </c>
      <c r="H1411" s="3" t="s">
        <v>17</v>
      </c>
      <c r="I1411" s="3" t="s">
        <v>18</v>
      </c>
      <c r="J1411" s="3" t="s">
        <v>13</v>
      </c>
      <c r="K1411" s="4">
        <v>43366</v>
      </c>
    </row>
    <row r="1412" spans="1:11" ht="30" x14ac:dyDescent="0.25">
      <c r="A1412" s="6" t="s">
        <v>5653</v>
      </c>
      <c r="B1412" s="8" t="s">
        <v>12</v>
      </c>
      <c r="C1412" s="8">
        <v>1919</v>
      </c>
      <c r="D1412" s="8">
        <v>1919</v>
      </c>
      <c r="E1412" s="3" t="s">
        <v>493</v>
      </c>
      <c r="F1412" s="6" t="s">
        <v>5654</v>
      </c>
      <c r="G1412" s="3" t="s">
        <v>16</v>
      </c>
      <c r="H1412" s="3" t="s">
        <v>17</v>
      </c>
      <c r="I1412" s="3" t="s">
        <v>18</v>
      </c>
      <c r="J1412" s="3" t="s">
        <v>13</v>
      </c>
      <c r="K1412" s="4">
        <v>43366</v>
      </c>
    </row>
    <row r="1413" spans="1:11" ht="45" x14ac:dyDescent="0.25">
      <c r="A1413" s="6" t="s">
        <v>126</v>
      </c>
      <c r="B1413" s="8" t="s">
        <v>12</v>
      </c>
      <c r="C1413" s="8">
        <v>1906</v>
      </c>
      <c r="D1413" s="8">
        <v>1906</v>
      </c>
      <c r="E1413" s="3" t="s">
        <v>127</v>
      </c>
      <c r="F1413" s="6" t="s">
        <v>128</v>
      </c>
      <c r="G1413" s="3" t="s">
        <v>16</v>
      </c>
      <c r="H1413" s="3" t="s">
        <v>17</v>
      </c>
      <c r="I1413" s="3" t="s">
        <v>18</v>
      </c>
      <c r="J1413" s="3" t="s">
        <v>13</v>
      </c>
      <c r="K1413" s="4">
        <v>43365</v>
      </c>
    </row>
    <row r="1414" spans="1:11" ht="150" x14ac:dyDescent="0.25">
      <c r="A1414" s="6" t="s">
        <v>241</v>
      </c>
      <c r="B1414" s="8" t="s">
        <v>12</v>
      </c>
      <c r="C1414" s="8">
        <v>1902</v>
      </c>
      <c r="D1414" s="8">
        <v>1902</v>
      </c>
      <c r="E1414" s="3" t="s">
        <v>242</v>
      </c>
      <c r="F1414" s="6" t="s">
        <v>243</v>
      </c>
      <c r="G1414" s="3" t="s">
        <v>16</v>
      </c>
      <c r="H1414" s="3" t="s">
        <v>244</v>
      </c>
      <c r="I1414" s="3" t="s">
        <v>245</v>
      </c>
      <c r="J1414" s="3" t="s">
        <v>13</v>
      </c>
      <c r="K1414" s="4">
        <v>43365</v>
      </c>
    </row>
    <row r="1415" spans="1:11" x14ac:dyDescent="0.25">
      <c r="A1415" s="6" t="s">
        <v>296</v>
      </c>
      <c r="B1415" s="8" t="s">
        <v>12</v>
      </c>
      <c r="C1415" s="8" t="s">
        <v>297</v>
      </c>
      <c r="D1415" s="8">
        <v>1733</v>
      </c>
      <c r="E1415" s="3" t="s">
        <v>298</v>
      </c>
      <c r="F1415" s="6" t="s">
        <v>299</v>
      </c>
      <c r="G1415" s="3" t="s">
        <v>16</v>
      </c>
      <c r="H1415" s="3" t="s">
        <v>17</v>
      </c>
      <c r="I1415" s="3" t="s">
        <v>138</v>
      </c>
      <c r="J1415" s="3" t="s">
        <v>13</v>
      </c>
      <c r="K1415" s="4">
        <v>43365</v>
      </c>
    </row>
    <row r="1416" spans="1:11" ht="45" x14ac:dyDescent="0.25">
      <c r="A1416" s="6" t="s">
        <v>380</v>
      </c>
      <c r="B1416" s="8" t="s">
        <v>12</v>
      </c>
      <c r="C1416" s="8">
        <v>1900</v>
      </c>
      <c r="D1416" s="8">
        <v>1900</v>
      </c>
      <c r="E1416" s="3" t="s">
        <v>127</v>
      </c>
      <c r="F1416" s="6" t="s">
        <v>128</v>
      </c>
      <c r="G1416" s="3" t="s">
        <v>16</v>
      </c>
      <c r="H1416" s="3" t="s">
        <v>17</v>
      </c>
      <c r="I1416" s="3" t="s">
        <v>18</v>
      </c>
      <c r="J1416" s="3" t="s">
        <v>13</v>
      </c>
      <c r="K1416" s="4">
        <v>43365</v>
      </c>
    </row>
    <row r="1417" spans="1:11" ht="135" x14ac:dyDescent="0.25">
      <c r="A1417" s="6" t="s">
        <v>492</v>
      </c>
      <c r="B1417" s="8" t="s">
        <v>12</v>
      </c>
      <c r="C1417" s="8">
        <v>1896</v>
      </c>
      <c r="D1417" s="8">
        <v>1896</v>
      </c>
      <c r="E1417" s="3" t="s">
        <v>493</v>
      </c>
      <c r="F1417" s="6" t="s">
        <v>494</v>
      </c>
      <c r="G1417" s="3" t="s">
        <v>16</v>
      </c>
      <c r="H1417" s="3" t="s">
        <v>17</v>
      </c>
      <c r="I1417" s="3" t="s">
        <v>18</v>
      </c>
      <c r="J1417" s="3" t="s">
        <v>495</v>
      </c>
      <c r="K1417" s="4">
        <v>43365</v>
      </c>
    </row>
    <row r="1418" spans="1:11" ht="30" x14ac:dyDescent="0.25">
      <c r="A1418" s="6" t="s">
        <v>614</v>
      </c>
      <c r="B1418" s="8" t="s">
        <v>12</v>
      </c>
      <c r="C1418" s="8" t="s">
        <v>615</v>
      </c>
      <c r="D1418" s="8">
        <v>1557</v>
      </c>
      <c r="E1418" s="3" t="s">
        <v>616</v>
      </c>
      <c r="F1418" s="6" t="s">
        <v>617</v>
      </c>
      <c r="G1418" s="3" t="s">
        <v>16</v>
      </c>
      <c r="H1418" s="3" t="s">
        <v>24</v>
      </c>
      <c r="I1418" s="3" t="s">
        <v>13</v>
      </c>
      <c r="J1418" s="3" t="s">
        <v>618</v>
      </c>
      <c r="K1418" s="4">
        <v>43365</v>
      </c>
    </row>
    <row r="1419" spans="1:11" ht="75" x14ac:dyDescent="0.25">
      <c r="A1419" s="6" t="s">
        <v>711</v>
      </c>
      <c r="B1419" s="8" t="s">
        <v>12</v>
      </c>
      <c r="C1419" s="8">
        <v>1882</v>
      </c>
      <c r="D1419" s="8">
        <v>1882</v>
      </c>
      <c r="E1419" s="3" t="s">
        <v>507</v>
      </c>
      <c r="F1419" s="6" t="s">
        <v>712</v>
      </c>
      <c r="G1419" s="3" t="s">
        <v>16</v>
      </c>
      <c r="H1419" s="3" t="s">
        <v>17</v>
      </c>
      <c r="I1419" s="3" t="s">
        <v>18</v>
      </c>
      <c r="J1419" s="3" t="s">
        <v>13</v>
      </c>
      <c r="K1419" s="4">
        <v>43365</v>
      </c>
    </row>
    <row r="1420" spans="1:11" ht="60" x14ac:dyDescent="0.25">
      <c r="A1420" s="6" t="s">
        <v>1191</v>
      </c>
      <c r="B1420" s="8" t="s">
        <v>12</v>
      </c>
      <c r="C1420" s="8">
        <v>1918</v>
      </c>
      <c r="D1420" s="8">
        <v>1918</v>
      </c>
      <c r="E1420" s="3" t="s">
        <v>1192</v>
      </c>
      <c r="F1420" s="6" t="s">
        <v>1193</v>
      </c>
      <c r="G1420" s="3" t="s">
        <v>16</v>
      </c>
      <c r="H1420" s="3" t="s">
        <v>17</v>
      </c>
      <c r="I1420" s="3" t="s">
        <v>18</v>
      </c>
      <c r="J1420" s="3" t="s">
        <v>13</v>
      </c>
      <c r="K1420" s="4">
        <v>43365</v>
      </c>
    </row>
    <row r="1421" spans="1:11" x14ac:dyDescent="0.25">
      <c r="A1421" s="6" t="s">
        <v>1200</v>
      </c>
      <c r="B1421" s="8" t="s">
        <v>12</v>
      </c>
      <c r="C1421" s="8">
        <v>1758</v>
      </c>
      <c r="D1421" s="8">
        <v>1758</v>
      </c>
      <c r="E1421" s="3" t="s">
        <v>1201</v>
      </c>
      <c r="F1421" s="6" t="s">
        <v>1202</v>
      </c>
      <c r="G1421" s="3" t="s">
        <v>16</v>
      </c>
      <c r="H1421" s="3" t="s">
        <v>17</v>
      </c>
      <c r="I1421" s="3" t="s">
        <v>18</v>
      </c>
      <c r="J1421" s="3" t="s">
        <v>13</v>
      </c>
      <c r="K1421" s="4">
        <v>43365</v>
      </c>
    </row>
    <row r="1422" spans="1:11" ht="90" x14ac:dyDescent="0.25">
      <c r="A1422" s="6" t="s">
        <v>1219</v>
      </c>
      <c r="B1422" s="8" t="s">
        <v>12</v>
      </c>
      <c r="C1422" s="8">
        <v>1809</v>
      </c>
      <c r="D1422" s="8">
        <v>1809</v>
      </c>
      <c r="E1422" s="3" t="s">
        <v>749</v>
      </c>
      <c r="F1422" s="6" t="s">
        <v>1220</v>
      </c>
      <c r="G1422" s="3" t="s">
        <v>16</v>
      </c>
      <c r="H1422" s="3" t="s">
        <v>17</v>
      </c>
      <c r="I1422" s="3" t="s">
        <v>18</v>
      </c>
      <c r="J1422" s="3" t="s">
        <v>13</v>
      </c>
      <c r="K1422" s="4">
        <v>43365</v>
      </c>
    </row>
    <row r="1423" spans="1:11" ht="45" x14ac:dyDescent="0.25">
      <c r="A1423" s="6" t="s">
        <v>1592</v>
      </c>
      <c r="B1423" s="8" t="s">
        <v>12</v>
      </c>
      <c r="C1423" s="8">
        <v>1897</v>
      </c>
      <c r="D1423" s="8">
        <v>1897</v>
      </c>
      <c r="E1423" s="3" t="s">
        <v>127</v>
      </c>
      <c r="F1423" s="6" t="s">
        <v>128</v>
      </c>
      <c r="G1423" s="3" t="s">
        <v>16</v>
      </c>
      <c r="H1423" s="3" t="s">
        <v>17</v>
      </c>
      <c r="I1423" s="3" t="s">
        <v>18</v>
      </c>
      <c r="J1423" s="3" t="s">
        <v>13</v>
      </c>
      <c r="K1423" s="4">
        <v>43365</v>
      </c>
    </row>
    <row r="1424" spans="1:11" ht="90" x14ac:dyDescent="0.25">
      <c r="A1424" s="6" t="s">
        <v>1760</v>
      </c>
      <c r="B1424" s="8" t="s">
        <v>12</v>
      </c>
      <c r="C1424" s="8">
        <v>1558</v>
      </c>
      <c r="D1424" s="8">
        <v>1558</v>
      </c>
      <c r="E1424" s="3" t="s">
        <v>1761</v>
      </c>
      <c r="F1424" s="6" t="s">
        <v>1762</v>
      </c>
      <c r="G1424" s="3" t="s">
        <v>16</v>
      </c>
      <c r="H1424" s="3" t="s">
        <v>170</v>
      </c>
      <c r="I1424" s="3" t="s">
        <v>203</v>
      </c>
      <c r="J1424" s="3" t="s">
        <v>13</v>
      </c>
      <c r="K1424" s="4">
        <v>43365</v>
      </c>
    </row>
    <row r="1425" spans="1:11" ht="75" x14ac:dyDescent="0.25">
      <c r="A1425" s="6" t="s">
        <v>1800</v>
      </c>
      <c r="B1425" s="8" t="s">
        <v>12</v>
      </c>
      <c r="C1425" s="8" t="s">
        <v>1801</v>
      </c>
      <c r="D1425" s="8">
        <v>1753</v>
      </c>
      <c r="E1425" s="3" t="s">
        <v>1802</v>
      </c>
      <c r="F1425" s="6" t="s">
        <v>1803</v>
      </c>
      <c r="G1425" s="3" t="s">
        <v>16</v>
      </c>
      <c r="H1425" s="3" t="s">
        <v>17</v>
      </c>
      <c r="I1425" s="3" t="s">
        <v>18</v>
      </c>
      <c r="J1425" s="3" t="s">
        <v>13</v>
      </c>
      <c r="K1425" s="4">
        <v>43365</v>
      </c>
    </row>
    <row r="1426" spans="1:11" ht="45" x14ac:dyDescent="0.25">
      <c r="A1426" s="6" t="s">
        <v>1878</v>
      </c>
      <c r="B1426" s="8" t="s">
        <v>12</v>
      </c>
      <c r="C1426" s="8" t="s">
        <v>1879</v>
      </c>
      <c r="D1426" s="8" t="s">
        <v>1880</v>
      </c>
      <c r="E1426" s="3" t="s">
        <v>102</v>
      </c>
      <c r="F1426" s="6" t="s">
        <v>1881</v>
      </c>
      <c r="G1426" s="3" t="s">
        <v>16</v>
      </c>
      <c r="H1426" s="3" t="s">
        <v>17</v>
      </c>
      <c r="I1426" s="3" t="s">
        <v>18</v>
      </c>
      <c r="J1426" s="3" t="s">
        <v>1882</v>
      </c>
      <c r="K1426" s="4">
        <v>43365</v>
      </c>
    </row>
    <row r="1427" spans="1:11" ht="45" x14ac:dyDescent="0.25">
      <c r="A1427" s="6" t="s">
        <v>1883</v>
      </c>
      <c r="B1427" s="8" t="s">
        <v>12</v>
      </c>
      <c r="C1427" s="8">
        <v>1893</v>
      </c>
      <c r="D1427" s="8">
        <v>1893</v>
      </c>
      <c r="E1427" s="3" t="s">
        <v>127</v>
      </c>
      <c r="F1427" s="6" t="s">
        <v>128</v>
      </c>
      <c r="G1427" s="3" t="s">
        <v>16</v>
      </c>
      <c r="H1427" s="3" t="s">
        <v>17</v>
      </c>
      <c r="I1427" s="3" t="s">
        <v>18</v>
      </c>
      <c r="J1427" s="3" t="s">
        <v>13</v>
      </c>
      <c r="K1427" s="4">
        <v>43365</v>
      </c>
    </row>
    <row r="1428" spans="1:11" ht="30" x14ac:dyDescent="0.25">
      <c r="A1428" s="6" t="s">
        <v>1895</v>
      </c>
      <c r="B1428" s="8" t="s">
        <v>12</v>
      </c>
      <c r="C1428" s="8" t="s">
        <v>1896</v>
      </c>
      <c r="D1428" s="8">
        <v>1754</v>
      </c>
      <c r="E1428" s="3" t="s">
        <v>1897</v>
      </c>
      <c r="F1428" s="6" t="s">
        <v>1898</v>
      </c>
      <c r="G1428" s="3" t="s">
        <v>16</v>
      </c>
      <c r="H1428" s="3" t="s">
        <v>170</v>
      </c>
      <c r="I1428" s="3" t="s">
        <v>18</v>
      </c>
      <c r="J1428" s="3" t="s">
        <v>1899</v>
      </c>
      <c r="K1428" s="4">
        <v>43365</v>
      </c>
    </row>
    <row r="1429" spans="1:11" ht="45" x14ac:dyDescent="0.25">
      <c r="A1429" s="6" t="s">
        <v>1968</v>
      </c>
      <c r="B1429" s="8" t="s">
        <v>12</v>
      </c>
      <c r="C1429" s="8" t="s">
        <v>1969</v>
      </c>
      <c r="D1429" s="8" t="s">
        <v>1970</v>
      </c>
      <c r="E1429" s="3" t="s">
        <v>127</v>
      </c>
      <c r="F1429" s="6" t="s">
        <v>128</v>
      </c>
      <c r="G1429" s="3" t="s">
        <v>16</v>
      </c>
      <c r="H1429" s="3" t="s">
        <v>17</v>
      </c>
      <c r="I1429" s="3" t="s">
        <v>18</v>
      </c>
      <c r="J1429" s="3" t="s">
        <v>13</v>
      </c>
      <c r="K1429" s="4">
        <v>43365</v>
      </c>
    </row>
    <row r="1430" spans="1:11" ht="45" x14ac:dyDescent="0.25">
      <c r="A1430" s="6" t="s">
        <v>2049</v>
      </c>
      <c r="B1430" s="8" t="s">
        <v>12</v>
      </c>
      <c r="C1430" s="8" t="s">
        <v>2050</v>
      </c>
      <c r="D1430" s="9">
        <v>9585</v>
      </c>
      <c r="E1430" s="3" t="s">
        <v>2051</v>
      </c>
      <c r="F1430" s="6" t="s">
        <v>2052</v>
      </c>
      <c r="G1430" s="3" t="s">
        <v>16</v>
      </c>
      <c r="H1430" s="3" t="s">
        <v>17</v>
      </c>
      <c r="I1430" s="3" t="s">
        <v>18</v>
      </c>
      <c r="J1430" s="3" t="s">
        <v>2053</v>
      </c>
      <c r="K1430" s="4">
        <v>43365</v>
      </c>
    </row>
    <row r="1431" spans="1:11" ht="135" x14ac:dyDescent="0.25">
      <c r="A1431" s="6" t="s">
        <v>2262</v>
      </c>
      <c r="B1431" s="8" t="s">
        <v>12</v>
      </c>
      <c r="C1431" s="8">
        <v>1573</v>
      </c>
      <c r="D1431" s="8">
        <v>1573</v>
      </c>
      <c r="E1431" s="3" t="s">
        <v>2263</v>
      </c>
      <c r="F1431" s="6" t="s">
        <v>2264</v>
      </c>
      <c r="G1431" s="3" t="s">
        <v>16</v>
      </c>
      <c r="H1431" s="3" t="s">
        <v>24</v>
      </c>
      <c r="I1431" s="3" t="s">
        <v>264</v>
      </c>
      <c r="J1431" s="3" t="s">
        <v>2265</v>
      </c>
      <c r="K1431" s="4">
        <v>43365</v>
      </c>
    </row>
    <row r="1432" spans="1:11" ht="45" x14ac:dyDescent="0.25">
      <c r="A1432" s="6" t="s">
        <v>2531</v>
      </c>
      <c r="B1432" s="8" t="s">
        <v>12</v>
      </c>
      <c r="C1432" s="8" t="s">
        <v>2532</v>
      </c>
      <c r="D1432" s="9">
        <v>8871</v>
      </c>
      <c r="E1432" s="3" t="s">
        <v>2533</v>
      </c>
      <c r="F1432" s="6" t="s">
        <v>2052</v>
      </c>
      <c r="G1432" s="3" t="s">
        <v>16</v>
      </c>
      <c r="H1432" s="3" t="s">
        <v>17</v>
      </c>
      <c r="I1432" s="3" t="s">
        <v>18</v>
      </c>
      <c r="J1432" s="3" t="s">
        <v>13</v>
      </c>
      <c r="K1432" s="4">
        <v>43365</v>
      </c>
    </row>
    <row r="1433" spans="1:11" ht="30" x14ac:dyDescent="0.25">
      <c r="A1433" s="6" t="s">
        <v>2590</v>
      </c>
      <c r="B1433" s="8" t="s">
        <v>12</v>
      </c>
      <c r="C1433" s="8" t="s">
        <v>135</v>
      </c>
      <c r="D1433" s="8">
        <v>1730</v>
      </c>
      <c r="E1433" s="3" t="s">
        <v>2591</v>
      </c>
      <c r="F1433" s="6" t="s">
        <v>2592</v>
      </c>
      <c r="G1433" s="3" t="s">
        <v>16</v>
      </c>
      <c r="H1433" s="3" t="s">
        <v>17</v>
      </c>
      <c r="I1433" s="3" t="s">
        <v>18</v>
      </c>
      <c r="J1433" s="3" t="s">
        <v>2593</v>
      </c>
      <c r="K1433" s="4">
        <v>43365</v>
      </c>
    </row>
    <row r="1434" spans="1:11" ht="30" x14ac:dyDescent="0.25">
      <c r="A1434" s="6" t="s">
        <v>2668</v>
      </c>
      <c r="B1434" s="8" t="s">
        <v>12</v>
      </c>
      <c r="C1434" s="8" t="s">
        <v>2669</v>
      </c>
      <c r="D1434" s="8">
        <v>1735</v>
      </c>
      <c r="E1434" s="3" t="s">
        <v>2591</v>
      </c>
      <c r="F1434" s="6" t="s">
        <v>2670</v>
      </c>
      <c r="G1434" s="3" t="s">
        <v>16</v>
      </c>
      <c r="H1434" s="3" t="s">
        <v>17</v>
      </c>
      <c r="I1434" s="3" t="s">
        <v>18</v>
      </c>
      <c r="J1434" s="3" t="s">
        <v>13</v>
      </c>
      <c r="K1434" s="4">
        <v>43365</v>
      </c>
    </row>
    <row r="1435" spans="1:11" ht="90" x14ac:dyDescent="0.25">
      <c r="A1435" s="6" t="s">
        <v>2675</v>
      </c>
      <c r="B1435" s="8" t="s">
        <v>12</v>
      </c>
      <c r="C1435" s="8">
        <v>1903</v>
      </c>
      <c r="D1435" s="8">
        <v>1903</v>
      </c>
      <c r="E1435" s="3" t="s">
        <v>2676</v>
      </c>
      <c r="F1435" s="6" t="s">
        <v>2677</v>
      </c>
      <c r="G1435" s="3" t="s">
        <v>16</v>
      </c>
      <c r="H1435" s="3" t="s">
        <v>17</v>
      </c>
      <c r="I1435" s="3" t="s">
        <v>18</v>
      </c>
      <c r="J1435" s="3" t="s">
        <v>13</v>
      </c>
      <c r="K1435" s="4">
        <v>43365</v>
      </c>
    </row>
    <row r="1436" spans="1:11" ht="45" x14ac:dyDescent="0.25">
      <c r="A1436" s="6" t="s">
        <v>2772</v>
      </c>
      <c r="B1436" s="8" t="s">
        <v>12</v>
      </c>
      <c r="C1436" s="8">
        <v>1902</v>
      </c>
      <c r="D1436" s="8">
        <v>1902</v>
      </c>
      <c r="E1436" s="3" t="s">
        <v>127</v>
      </c>
      <c r="F1436" s="6" t="s">
        <v>128</v>
      </c>
      <c r="G1436" s="3" t="s">
        <v>16</v>
      </c>
      <c r="H1436" s="3" t="s">
        <v>17</v>
      </c>
      <c r="I1436" s="3" t="s">
        <v>18</v>
      </c>
      <c r="J1436" s="3" t="s">
        <v>13</v>
      </c>
      <c r="K1436" s="4">
        <v>43365</v>
      </c>
    </row>
    <row r="1437" spans="1:11" ht="45" x14ac:dyDescent="0.25">
      <c r="A1437" s="6" t="s">
        <v>2910</v>
      </c>
      <c r="B1437" s="8" t="s">
        <v>12</v>
      </c>
      <c r="C1437" s="8" t="s">
        <v>217</v>
      </c>
      <c r="D1437" s="8">
        <v>1567</v>
      </c>
      <c r="E1437" s="3" t="s">
        <v>2911</v>
      </c>
      <c r="F1437" s="6" t="s">
        <v>2912</v>
      </c>
      <c r="G1437" s="3" t="s">
        <v>16</v>
      </c>
      <c r="H1437" s="3" t="s">
        <v>24</v>
      </c>
      <c r="I1437" s="3" t="s">
        <v>13</v>
      </c>
      <c r="J1437" s="3" t="s">
        <v>13</v>
      </c>
      <c r="K1437" s="4">
        <v>43365</v>
      </c>
    </row>
    <row r="1438" spans="1:11" ht="150" x14ac:dyDescent="0.25">
      <c r="A1438" s="6" t="s">
        <v>2969</v>
      </c>
      <c r="B1438" s="8" t="s">
        <v>12</v>
      </c>
      <c r="C1438" s="8" t="s">
        <v>2970</v>
      </c>
      <c r="D1438" s="9">
        <v>4079</v>
      </c>
      <c r="E1438" s="3" t="s">
        <v>107</v>
      </c>
      <c r="F1438" s="6" t="s">
        <v>2971</v>
      </c>
      <c r="G1438" s="3" t="s">
        <v>16</v>
      </c>
      <c r="H1438" s="3" t="s">
        <v>17</v>
      </c>
      <c r="I1438" s="3" t="s">
        <v>18</v>
      </c>
      <c r="J1438" s="3" t="s">
        <v>13</v>
      </c>
      <c r="K1438" s="4">
        <v>43365</v>
      </c>
    </row>
    <row r="1439" spans="1:11" ht="45" x14ac:dyDescent="0.25">
      <c r="A1439" s="6" t="s">
        <v>2972</v>
      </c>
      <c r="B1439" s="8" t="s">
        <v>12</v>
      </c>
      <c r="C1439" s="8">
        <v>1916</v>
      </c>
      <c r="D1439" s="8">
        <v>1916</v>
      </c>
      <c r="E1439" s="3" t="s">
        <v>2973</v>
      </c>
      <c r="F1439" s="6" t="s">
        <v>2974</v>
      </c>
      <c r="G1439" s="3" t="s">
        <v>16</v>
      </c>
      <c r="H1439" s="3" t="s">
        <v>17</v>
      </c>
      <c r="I1439" s="3" t="s">
        <v>18</v>
      </c>
      <c r="J1439" s="3" t="s">
        <v>13</v>
      </c>
      <c r="K1439" s="4">
        <v>43365</v>
      </c>
    </row>
    <row r="1440" spans="1:11" ht="45" x14ac:dyDescent="0.25">
      <c r="A1440" s="6" t="s">
        <v>3035</v>
      </c>
      <c r="B1440" s="8" t="s">
        <v>12</v>
      </c>
      <c r="C1440" s="8" t="s">
        <v>3036</v>
      </c>
      <c r="D1440" s="9">
        <v>9228</v>
      </c>
      <c r="E1440" s="3" t="s">
        <v>2051</v>
      </c>
      <c r="F1440" s="6" t="s">
        <v>2052</v>
      </c>
      <c r="G1440" s="3" t="s">
        <v>16</v>
      </c>
      <c r="H1440" s="3" t="s">
        <v>17</v>
      </c>
      <c r="I1440" s="3" t="s">
        <v>18</v>
      </c>
      <c r="J1440" s="3" t="s">
        <v>13</v>
      </c>
      <c r="K1440" s="4">
        <v>43365</v>
      </c>
    </row>
    <row r="1441" spans="1:11" ht="60" x14ac:dyDescent="0.25">
      <c r="A1441" s="6" t="s">
        <v>3131</v>
      </c>
      <c r="B1441" s="8" t="s">
        <v>12</v>
      </c>
      <c r="C1441" s="8" t="s">
        <v>3132</v>
      </c>
      <c r="D1441" s="8">
        <v>1922</v>
      </c>
      <c r="E1441" s="3" t="s">
        <v>461</v>
      </c>
      <c r="F1441" s="6" t="s">
        <v>3133</v>
      </c>
      <c r="G1441" s="3" t="s">
        <v>16</v>
      </c>
      <c r="H1441" s="3" t="s">
        <v>17</v>
      </c>
      <c r="I1441" s="3" t="s">
        <v>18</v>
      </c>
      <c r="J1441" s="3" t="s">
        <v>3134</v>
      </c>
      <c r="K1441" s="4">
        <v>43365</v>
      </c>
    </row>
    <row r="1442" spans="1:11" ht="45" x14ac:dyDescent="0.25">
      <c r="A1442" s="6" t="s">
        <v>3139</v>
      </c>
      <c r="B1442" s="8" t="s">
        <v>12</v>
      </c>
      <c r="C1442" s="8">
        <v>1898</v>
      </c>
      <c r="D1442" s="8">
        <v>1898</v>
      </c>
      <c r="E1442" s="3" t="s">
        <v>127</v>
      </c>
      <c r="F1442" s="6" t="s">
        <v>128</v>
      </c>
      <c r="G1442" s="3" t="s">
        <v>16</v>
      </c>
      <c r="H1442" s="3" t="s">
        <v>17</v>
      </c>
      <c r="I1442" s="3" t="s">
        <v>18</v>
      </c>
      <c r="J1442" s="3" t="s">
        <v>13</v>
      </c>
      <c r="K1442" s="4">
        <v>43365</v>
      </c>
    </row>
    <row r="1443" spans="1:11" ht="165" x14ac:dyDescent="0.25">
      <c r="A1443" s="6" t="s">
        <v>3210</v>
      </c>
      <c r="B1443" s="8" t="s">
        <v>12</v>
      </c>
      <c r="C1443" s="8" t="s">
        <v>3211</v>
      </c>
      <c r="D1443" s="8" t="s">
        <v>3212</v>
      </c>
      <c r="E1443" s="3" t="s">
        <v>107</v>
      </c>
      <c r="F1443" s="6" t="s">
        <v>3213</v>
      </c>
      <c r="G1443" s="3" t="s">
        <v>16</v>
      </c>
      <c r="H1443" s="3" t="s">
        <v>17</v>
      </c>
      <c r="I1443" s="3" t="s">
        <v>18</v>
      </c>
      <c r="J1443" s="3" t="s">
        <v>3025</v>
      </c>
      <c r="K1443" s="4">
        <v>43365</v>
      </c>
    </row>
    <row r="1444" spans="1:11" ht="45" x14ac:dyDescent="0.25">
      <c r="A1444" s="6" t="s">
        <v>3265</v>
      </c>
      <c r="B1444" s="8" t="s">
        <v>12</v>
      </c>
      <c r="C1444" s="8">
        <v>1899</v>
      </c>
      <c r="D1444" s="8">
        <v>1899</v>
      </c>
      <c r="E1444" s="3" t="s">
        <v>127</v>
      </c>
      <c r="F1444" s="6" t="s">
        <v>128</v>
      </c>
      <c r="G1444" s="3" t="s">
        <v>16</v>
      </c>
      <c r="H1444" s="3" t="s">
        <v>17</v>
      </c>
      <c r="I1444" s="3" t="s">
        <v>18</v>
      </c>
      <c r="J1444" s="3" t="s">
        <v>13</v>
      </c>
      <c r="K1444" s="4">
        <v>43365</v>
      </c>
    </row>
    <row r="1445" spans="1:11" ht="75" x14ac:dyDescent="0.25">
      <c r="A1445" s="6" t="s">
        <v>3357</v>
      </c>
      <c r="B1445" s="8" t="s">
        <v>12</v>
      </c>
      <c r="C1445" s="8" t="s">
        <v>3358</v>
      </c>
      <c r="D1445" s="8">
        <v>1615</v>
      </c>
      <c r="E1445" s="3" t="s">
        <v>3359</v>
      </c>
      <c r="F1445" s="6" t="s">
        <v>3360</v>
      </c>
      <c r="G1445" s="3" t="s">
        <v>16</v>
      </c>
      <c r="H1445" s="3" t="s">
        <v>24</v>
      </c>
      <c r="I1445" s="3" t="s">
        <v>858</v>
      </c>
      <c r="J1445" s="3" t="s">
        <v>2307</v>
      </c>
      <c r="K1445" s="4">
        <v>43365</v>
      </c>
    </row>
    <row r="1446" spans="1:11" ht="30" x14ac:dyDescent="0.25">
      <c r="A1446" s="6" t="s">
        <v>3361</v>
      </c>
      <c r="B1446" s="8" t="s">
        <v>12</v>
      </c>
      <c r="C1446" s="8">
        <v>1695</v>
      </c>
      <c r="D1446" s="8">
        <v>1695</v>
      </c>
      <c r="E1446" s="3" t="s">
        <v>3362</v>
      </c>
      <c r="F1446" s="6" t="s">
        <v>3363</v>
      </c>
      <c r="G1446" s="3" t="s">
        <v>16</v>
      </c>
      <c r="H1446" s="3" t="s">
        <v>17</v>
      </c>
      <c r="I1446" s="3" t="s">
        <v>18</v>
      </c>
      <c r="J1446" s="3" t="s">
        <v>13</v>
      </c>
      <c r="K1446" s="4">
        <v>43365</v>
      </c>
    </row>
    <row r="1447" spans="1:11" ht="45" x14ac:dyDescent="0.25">
      <c r="A1447" s="6" t="s">
        <v>3384</v>
      </c>
      <c r="B1447" s="8" t="s">
        <v>12</v>
      </c>
      <c r="C1447" s="8">
        <v>1692</v>
      </c>
      <c r="D1447" s="8">
        <v>1692</v>
      </c>
      <c r="E1447" s="3" t="s">
        <v>3385</v>
      </c>
      <c r="F1447" s="6" t="s">
        <v>3386</v>
      </c>
      <c r="G1447" s="3" t="s">
        <v>16</v>
      </c>
      <c r="H1447" s="3" t="s">
        <v>17</v>
      </c>
      <c r="I1447" s="3" t="s">
        <v>18</v>
      </c>
      <c r="J1447" s="3" t="s">
        <v>3387</v>
      </c>
      <c r="K1447" s="4">
        <v>43365</v>
      </c>
    </row>
    <row r="1448" spans="1:11" ht="150" x14ac:dyDescent="0.25">
      <c r="A1448" s="6" t="s">
        <v>3445</v>
      </c>
      <c r="B1448" s="8" t="s">
        <v>12</v>
      </c>
      <c r="C1448" s="8" t="s">
        <v>416</v>
      </c>
      <c r="D1448" s="8">
        <v>1619</v>
      </c>
      <c r="E1448" s="3" t="s">
        <v>3446</v>
      </c>
      <c r="F1448" s="6" t="s">
        <v>3447</v>
      </c>
      <c r="G1448" s="3" t="s">
        <v>16</v>
      </c>
      <c r="H1448" s="3" t="s">
        <v>24</v>
      </c>
      <c r="I1448" s="3" t="s">
        <v>3448</v>
      </c>
      <c r="J1448" s="3" t="s">
        <v>3449</v>
      </c>
      <c r="K1448" s="4">
        <v>43365</v>
      </c>
    </row>
    <row r="1449" spans="1:11" ht="45" x14ac:dyDescent="0.25">
      <c r="A1449" s="6" t="s">
        <v>3480</v>
      </c>
      <c r="B1449" s="8" t="s">
        <v>12</v>
      </c>
      <c r="C1449" s="8" t="s">
        <v>652</v>
      </c>
      <c r="D1449" s="8">
        <v>1887</v>
      </c>
      <c r="E1449" s="3" t="s">
        <v>3481</v>
      </c>
      <c r="F1449" s="6" t="s">
        <v>128</v>
      </c>
      <c r="G1449" s="3" t="s">
        <v>16</v>
      </c>
      <c r="H1449" s="3" t="s">
        <v>17</v>
      </c>
      <c r="I1449" s="3" t="s">
        <v>18</v>
      </c>
      <c r="J1449" s="3" t="s">
        <v>13</v>
      </c>
      <c r="K1449" s="4">
        <v>43365</v>
      </c>
    </row>
    <row r="1450" spans="1:11" ht="30" x14ac:dyDescent="0.25">
      <c r="A1450" s="6" t="s">
        <v>3628</v>
      </c>
      <c r="B1450" s="8" t="s">
        <v>12</v>
      </c>
      <c r="C1450" s="8" t="s">
        <v>3556</v>
      </c>
      <c r="D1450" s="8">
        <v>1735</v>
      </c>
      <c r="E1450" s="3" t="s">
        <v>3629</v>
      </c>
      <c r="F1450" s="6" t="s">
        <v>3630</v>
      </c>
      <c r="G1450" s="3" t="s">
        <v>16</v>
      </c>
      <c r="H1450" s="3" t="s">
        <v>17</v>
      </c>
      <c r="I1450" s="3" t="s">
        <v>18</v>
      </c>
      <c r="J1450" s="3" t="s">
        <v>13</v>
      </c>
      <c r="K1450" s="4">
        <v>43365</v>
      </c>
    </row>
    <row r="1451" spans="1:11" ht="30" x14ac:dyDescent="0.25">
      <c r="A1451" s="6" t="s">
        <v>3650</v>
      </c>
      <c r="B1451" s="8" t="s">
        <v>12</v>
      </c>
      <c r="C1451" s="8">
        <v>1680</v>
      </c>
      <c r="D1451" s="8">
        <v>1680</v>
      </c>
      <c r="E1451" s="3" t="s">
        <v>3651</v>
      </c>
      <c r="F1451" s="6" t="s">
        <v>3652</v>
      </c>
      <c r="G1451" s="3" t="s">
        <v>16</v>
      </c>
      <c r="H1451" s="3" t="s">
        <v>17</v>
      </c>
      <c r="I1451" s="3" t="s">
        <v>18</v>
      </c>
      <c r="J1451" s="3" t="s">
        <v>13</v>
      </c>
      <c r="K1451" s="4">
        <v>43365</v>
      </c>
    </row>
    <row r="1452" spans="1:11" ht="45" x14ac:dyDescent="0.25">
      <c r="A1452" s="6" t="s">
        <v>3703</v>
      </c>
      <c r="B1452" s="8" t="s">
        <v>12</v>
      </c>
      <c r="C1452" s="8">
        <v>1905</v>
      </c>
      <c r="D1452" s="8">
        <v>1905</v>
      </c>
      <c r="E1452" s="3" t="s">
        <v>127</v>
      </c>
      <c r="F1452" s="6" t="s">
        <v>128</v>
      </c>
      <c r="G1452" s="3" t="s">
        <v>16</v>
      </c>
      <c r="H1452" s="3" t="s">
        <v>17</v>
      </c>
      <c r="I1452" s="3" t="s">
        <v>18</v>
      </c>
      <c r="J1452" s="3" t="s">
        <v>13</v>
      </c>
      <c r="K1452" s="4">
        <v>43365</v>
      </c>
    </row>
    <row r="1453" spans="1:11" ht="45" x14ac:dyDescent="0.25">
      <c r="A1453" s="6" t="s">
        <v>3716</v>
      </c>
      <c r="B1453" s="8" t="s">
        <v>12</v>
      </c>
      <c r="C1453" s="8" t="s">
        <v>3717</v>
      </c>
      <c r="D1453" s="9">
        <v>8486</v>
      </c>
      <c r="E1453" s="3" t="s">
        <v>3718</v>
      </c>
      <c r="F1453" s="6" t="s">
        <v>2052</v>
      </c>
      <c r="G1453" s="3" t="s">
        <v>16</v>
      </c>
      <c r="H1453" s="3" t="s">
        <v>17</v>
      </c>
      <c r="I1453" s="3" t="s">
        <v>18</v>
      </c>
      <c r="J1453" s="3" t="s">
        <v>13</v>
      </c>
      <c r="K1453" s="4">
        <v>43365</v>
      </c>
    </row>
    <row r="1454" spans="1:11" ht="180" x14ac:dyDescent="0.25">
      <c r="A1454" s="6" t="s">
        <v>3817</v>
      </c>
      <c r="B1454" s="8" t="s">
        <v>12</v>
      </c>
      <c r="C1454" s="8" t="s">
        <v>3818</v>
      </c>
      <c r="D1454" s="8">
        <v>1573</v>
      </c>
      <c r="E1454" s="3" t="s">
        <v>3819</v>
      </c>
      <c r="F1454" s="6" t="s">
        <v>3820</v>
      </c>
      <c r="G1454" s="3" t="s">
        <v>16</v>
      </c>
      <c r="H1454" s="3" t="s">
        <v>302</v>
      </c>
      <c r="I1454" s="3" t="s">
        <v>264</v>
      </c>
      <c r="J1454" s="3" t="s">
        <v>3821</v>
      </c>
      <c r="K1454" s="4">
        <v>43365</v>
      </c>
    </row>
    <row r="1455" spans="1:11" ht="30" x14ac:dyDescent="0.25">
      <c r="A1455" s="6" t="s">
        <v>3958</v>
      </c>
      <c r="B1455" s="8" t="s">
        <v>12</v>
      </c>
      <c r="C1455" s="8" t="s">
        <v>3959</v>
      </c>
      <c r="D1455" s="8">
        <v>1760</v>
      </c>
      <c r="E1455" s="3" t="s">
        <v>3960</v>
      </c>
      <c r="F1455" s="6" t="s">
        <v>3961</v>
      </c>
      <c r="G1455" s="3" t="s">
        <v>16</v>
      </c>
      <c r="H1455" s="3" t="s">
        <v>17</v>
      </c>
      <c r="I1455" s="3" t="s">
        <v>18</v>
      </c>
      <c r="J1455" s="3" t="s">
        <v>3962</v>
      </c>
      <c r="K1455" s="4">
        <v>43365</v>
      </c>
    </row>
    <row r="1456" spans="1:11" ht="195" x14ac:dyDescent="0.25">
      <c r="A1456" s="6" t="s">
        <v>3968</v>
      </c>
      <c r="B1456" s="8" t="s">
        <v>12</v>
      </c>
      <c r="C1456" s="8">
        <v>1901</v>
      </c>
      <c r="D1456" s="8">
        <v>1901</v>
      </c>
      <c r="E1456" s="3" t="s">
        <v>890</v>
      </c>
      <c r="F1456" s="6" t="s">
        <v>3969</v>
      </c>
      <c r="G1456" s="3" t="s">
        <v>16</v>
      </c>
      <c r="H1456" s="3" t="s">
        <v>17</v>
      </c>
      <c r="I1456" s="3" t="s">
        <v>2124</v>
      </c>
      <c r="J1456" s="3" t="s">
        <v>13</v>
      </c>
      <c r="K1456" s="4">
        <v>43365</v>
      </c>
    </row>
    <row r="1457" spans="1:11" ht="45" x14ac:dyDescent="0.25">
      <c r="A1457" s="6" t="s">
        <v>4012</v>
      </c>
      <c r="B1457" s="8" t="s">
        <v>12</v>
      </c>
      <c r="C1457" s="8">
        <v>1911</v>
      </c>
      <c r="D1457" s="8">
        <v>1911</v>
      </c>
      <c r="E1457" s="3" t="s">
        <v>127</v>
      </c>
      <c r="F1457" s="6" t="s">
        <v>128</v>
      </c>
      <c r="G1457" s="3" t="s">
        <v>16</v>
      </c>
      <c r="H1457" s="3" t="s">
        <v>17</v>
      </c>
      <c r="I1457" s="3" t="s">
        <v>18</v>
      </c>
      <c r="J1457" s="3" t="s">
        <v>13</v>
      </c>
      <c r="K1457" s="4">
        <v>43365</v>
      </c>
    </row>
    <row r="1458" spans="1:11" ht="30" x14ac:dyDescent="0.25">
      <c r="A1458" s="6" t="s">
        <v>4052</v>
      </c>
      <c r="B1458" s="8" t="s">
        <v>12</v>
      </c>
      <c r="C1458" s="8">
        <v>1817</v>
      </c>
      <c r="D1458" s="8">
        <v>1817</v>
      </c>
      <c r="E1458" s="3" t="s">
        <v>4053</v>
      </c>
      <c r="F1458" s="6" t="s">
        <v>4054</v>
      </c>
      <c r="G1458" s="3" t="s">
        <v>16</v>
      </c>
      <c r="H1458" s="3" t="s">
        <v>17</v>
      </c>
      <c r="I1458" s="3" t="s">
        <v>18</v>
      </c>
      <c r="J1458" s="3" t="s">
        <v>4055</v>
      </c>
      <c r="K1458" s="4">
        <v>43365</v>
      </c>
    </row>
    <row r="1459" spans="1:11" ht="45" x14ac:dyDescent="0.25">
      <c r="A1459" s="6" t="s">
        <v>4194</v>
      </c>
      <c r="B1459" s="8" t="s">
        <v>12</v>
      </c>
      <c r="C1459" s="8">
        <v>1908</v>
      </c>
      <c r="D1459" s="8">
        <v>1908</v>
      </c>
      <c r="E1459" s="3" t="s">
        <v>127</v>
      </c>
      <c r="F1459" s="6" t="s">
        <v>128</v>
      </c>
      <c r="G1459" s="3" t="s">
        <v>16</v>
      </c>
      <c r="H1459" s="3" t="s">
        <v>17</v>
      </c>
      <c r="I1459" s="3" t="s">
        <v>18</v>
      </c>
      <c r="J1459" s="3" t="s">
        <v>13</v>
      </c>
      <c r="K1459" s="4">
        <v>43365</v>
      </c>
    </row>
    <row r="1460" spans="1:11" ht="30" x14ac:dyDescent="0.25">
      <c r="A1460" s="6" t="s">
        <v>4224</v>
      </c>
      <c r="B1460" s="8" t="s">
        <v>12</v>
      </c>
      <c r="C1460" s="8" t="s">
        <v>4225</v>
      </c>
      <c r="D1460" s="8">
        <v>1686</v>
      </c>
      <c r="E1460" s="3" t="s">
        <v>4226</v>
      </c>
      <c r="F1460" s="6" t="s">
        <v>4227</v>
      </c>
      <c r="G1460" s="3" t="s">
        <v>16</v>
      </c>
      <c r="H1460" s="3" t="s">
        <v>30</v>
      </c>
      <c r="I1460" s="3" t="s">
        <v>31</v>
      </c>
      <c r="J1460" s="3" t="s">
        <v>13</v>
      </c>
      <c r="K1460" s="4">
        <v>43365</v>
      </c>
    </row>
    <row r="1461" spans="1:11" ht="135" x14ac:dyDescent="0.25">
      <c r="A1461" s="6" t="s">
        <v>4231</v>
      </c>
      <c r="B1461" s="8" t="s">
        <v>12</v>
      </c>
      <c r="C1461" s="8">
        <v>1901</v>
      </c>
      <c r="D1461" s="8">
        <v>1901</v>
      </c>
      <c r="E1461" s="3" t="s">
        <v>461</v>
      </c>
      <c r="F1461" s="6" t="s">
        <v>4232</v>
      </c>
      <c r="G1461" s="3" t="s">
        <v>16</v>
      </c>
      <c r="H1461" s="3" t="s">
        <v>17</v>
      </c>
      <c r="I1461" s="3" t="s">
        <v>18</v>
      </c>
      <c r="J1461" s="3" t="s">
        <v>13</v>
      </c>
      <c r="K1461" s="4">
        <v>43365</v>
      </c>
    </row>
    <row r="1462" spans="1:11" ht="45" x14ac:dyDescent="0.25">
      <c r="A1462" s="6" t="s">
        <v>4390</v>
      </c>
      <c r="B1462" s="8" t="s">
        <v>12</v>
      </c>
      <c r="C1462" s="8">
        <v>1901</v>
      </c>
      <c r="D1462" s="8">
        <v>1901</v>
      </c>
      <c r="E1462" s="3" t="s">
        <v>145</v>
      </c>
      <c r="F1462" s="6" t="s">
        <v>128</v>
      </c>
      <c r="G1462" s="3" t="s">
        <v>16</v>
      </c>
      <c r="H1462" s="3" t="s">
        <v>17</v>
      </c>
      <c r="I1462" s="3" t="s">
        <v>18</v>
      </c>
      <c r="J1462" s="3" t="s">
        <v>13</v>
      </c>
      <c r="K1462" s="4">
        <v>43365</v>
      </c>
    </row>
    <row r="1463" spans="1:11" ht="105" x14ac:dyDescent="0.25">
      <c r="A1463" s="6" t="s">
        <v>4537</v>
      </c>
      <c r="B1463" s="8" t="s">
        <v>12</v>
      </c>
      <c r="C1463" s="8" t="s">
        <v>3903</v>
      </c>
      <c r="D1463" s="8">
        <v>1742</v>
      </c>
      <c r="E1463" s="3" t="s">
        <v>4538</v>
      </c>
      <c r="F1463" s="6" t="s">
        <v>4539</v>
      </c>
      <c r="G1463" s="3" t="s">
        <v>16</v>
      </c>
      <c r="H1463" s="3" t="s">
        <v>17</v>
      </c>
      <c r="I1463" s="3" t="s">
        <v>18</v>
      </c>
      <c r="J1463" s="3" t="s">
        <v>13</v>
      </c>
      <c r="K1463" s="4">
        <v>43365</v>
      </c>
    </row>
    <row r="1464" spans="1:11" ht="75" x14ac:dyDescent="0.25">
      <c r="A1464" s="6" t="s">
        <v>4708</v>
      </c>
      <c r="B1464" s="8" t="s">
        <v>12</v>
      </c>
      <c r="C1464" s="8">
        <v>1908</v>
      </c>
      <c r="D1464" s="8">
        <v>1908</v>
      </c>
      <c r="E1464" s="3" t="s">
        <v>4709</v>
      </c>
      <c r="F1464" s="6" t="s">
        <v>4710</v>
      </c>
      <c r="G1464" s="3" t="s">
        <v>16</v>
      </c>
      <c r="H1464" s="3" t="s">
        <v>17</v>
      </c>
      <c r="I1464" s="3" t="s">
        <v>176</v>
      </c>
      <c r="J1464" s="3" t="s">
        <v>4711</v>
      </c>
      <c r="K1464" s="4">
        <v>43365</v>
      </c>
    </row>
    <row r="1465" spans="1:11" ht="60" x14ac:dyDescent="0.25">
      <c r="A1465" s="6" t="s">
        <v>4768</v>
      </c>
      <c r="B1465" s="8" t="s">
        <v>12</v>
      </c>
      <c r="C1465" s="8" t="s">
        <v>4769</v>
      </c>
      <c r="D1465" s="8">
        <v>1846</v>
      </c>
      <c r="E1465" s="3" t="s">
        <v>4770</v>
      </c>
      <c r="F1465" s="6" t="s">
        <v>4771</v>
      </c>
      <c r="G1465" s="3" t="s">
        <v>16</v>
      </c>
      <c r="H1465" s="3" t="s">
        <v>17</v>
      </c>
      <c r="I1465" s="3" t="s">
        <v>18</v>
      </c>
      <c r="J1465" s="3" t="s">
        <v>4772</v>
      </c>
      <c r="K1465" s="4">
        <v>43365</v>
      </c>
    </row>
    <row r="1466" spans="1:11" ht="45" x14ac:dyDescent="0.25">
      <c r="A1466" s="6" t="s">
        <v>4888</v>
      </c>
      <c r="B1466" s="8" t="s">
        <v>12</v>
      </c>
      <c r="C1466" s="8" t="s">
        <v>664</v>
      </c>
      <c r="D1466" s="8">
        <v>1659</v>
      </c>
      <c r="E1466" s="3" t="s">
        <v>4889</v>
      </c>
      <c r="F1466" s="6" t="s">
        <v>4890</v>
      </c>
      <c r="G1466" s="3" t="s">
        <v>16</v>
      </c>
      <c r="H1466" s="3" t="s">
        <v>17</v>
      </c>
      <c r="I1466" s="3" t="s">
        <v>18</v>
      </c>
      <c r="J1466" s="3" t="s">
        <v>4891</v>
      </c>
      <c r="K1466" s="4">
        <v>43365</v>
      </c>
    </row>
    <row r="1467" spans="1:11" ht="45" x14ac:dyDescent="0.25">
      <c r="A1467" s="6" t="s">
        <v>4902</v>
      </c>
      <c r="B1467" s="8" t="s">
        <v>12</v>
      </c>
      <c r="C1467" s="8">
        <v>1910</v>
      </c>
      <c r="D1467" s="8">
        <v>1910</v>
      </c>
      <c r="E1467" s="3" t="s">
        <v>127</v>
      </c>
      <c r="F1467" s="6" t="s">
        <v>128</v>
      </c>
      <c r="G1467" s="3" t="s">
        <v>16</v>
      </c>
      <c r="H1467" s="3" t="s">
        <v>17</v>
      </c>
      <c r="I1467" s="3" t="s">
        <v>18</v>
      </c>
      <c r="J1467" s="3" t="s">
        <v>13</v>
      </c>
      <c r="K1467" s="4">
        <v>43365</v>
      </c>
    </row>
    <row r="1468" spans="1:11" ht="45" x14ac:dyDescent="0.25">
      <c r="A1468" s="6" t="s">
        <v>4991</v>
      </c>
      <c r="B1468" s="8" t="s">
        <v>12</v>
      </c>
      <c r="C1468" s="8">
        <v>1895</v>
      </c>
      <c r="D1468" s="8">
        <v>1895</v>
      </c>
      <c r="E1468" s="3" t="s">
        <v>127</v>
      </c>
      <c r="F1468" s="6" t="s">
        <v>128</v>
      </c>
      <c r="G1468" s="3" t="s">
        <v>16</v>
      </c>
      <c r="H1468" s="3" t="s">
        <v>17</v>
      </c>
      <c r="I1468" s="3" t="s">
        <v>18</v>
      </c>
      <c r="J1468" s="3" t="s">
        <v>13</v>
      </c>
      <c r="K1468" s="4">
        <v>43365</v>
      </c>
    </row>
    <row r="1469" spans="1:11" ht="30" x14ac:dyDescent="0.25">
      <c r="A1469" s="6" t="s">
        <v>5045</v>
      </c>
      <c r="B1469" s="8" t="s">
        <v>12</v>
      </c>
      <c r="C1469" s="8">
        <v>1802</v>
      </c>
      <c r="D1469" s="8">
        <v>1802</v>
      </c>
      <c r="E1469" s="3" t="s">
        <v>5046</v>
      </c>
      <c r="F1469" s="6" t="s">
        <v>5047</v>
      </c>
      <c r="G1469" s="3" t="s">
        <v>16</v>
      </c>
      <c r="H1469" s="3" t="s">
        <v>17</v>
      </c>
      <c r="I1469" s="3" t="s">
        <v>18</v>
      </c>
      <c r="J1469" s="3" t="s">
        <v>13</v>
      </c>
      <c r="K1469" s="4">
        <v>43365</v>
      </c>
    </row>
    <row r="1470" spans="1:11" ht="30" x14ac:dyDescent="0.25">
      <c r="A1470" s="6" t="s">
        <v>5068</v>
      </c>
      <c r="B1470" s="8" t="s">
        <v>12</v>
      </c>
      <c r="C1470" s="8">
        <v>1728</v>
      </c>
      <c r="D1470" s="8">
        <v>1728</v>
      </c>
      <c r="E1470" s="3" t="s">
        <v>3362</v>
      </c>
      <c r="F1470" s="6" t="s">
        <v>5069</v>
      </c>
      <c r="G1470" s="3" t="s">
        <v>16</v>
      </c>
      <c r="H1470" s="3" t="s">
        <v>17</v>
      </c>
      <c r="I1470" s="3" t="s">
        <v>18</v>
      </c>
      <c r="J1470" s="3" t="s">
        <v>5070</v>
      </c>
      <c r="K1470" s="4">
        <v>43365</v>
      </c>
    </row>
    <row r="1471" spans="1:11" ht="165" x14ac:dyDescent="0.25">
      <c r="A1471" s="6" t="s">
        <v>5105</v>
      </c>
      <c r="B1471" s="8" t="s">
        <v>12</v>
      </c>
      <c r="C1471" s="9">
        <v>2142</v>
      </c>
      <c r="D1471" s="9">
        <v>2142</v>
      </c>
      <c r="E1471" s="3" t="s">
        <v>677</v>
      </c>
      <c r="F1471" s="6" t="s">
        <v>5106</v>
      </c>
      <c r="G1471" s="3" t="s">
        <v>16</v>
      </c>
      <c r="H1471" s="3" t="s">
        <v>17</v>
      </c>
      <c r="I1471" s="3" t="s">
        <v>18</v>
      </c>
      <c r="J1471" s="3" t="s">
        <v>13</v>
      </c>
      <c r="K1471" s="4">
        <v>43365</v>
      </c>
    </row>
    <row r="1472" spans="1:11" ht="30" x14ac:dyDescent="0.25">
      <c r="A1472" s="6" t="s">
        <v>5144</v>
      </c>
      <c r="B1472" s="8" t="s">
        <v>12</v>
      </c>
      <c r="C1472" s="8" t="s">
        <v>2766</v>
      </c>
      <c r="D1472" s="8">
        <v>1753</v>
      </c>
      <c r="E1472" s="3" t="s">
        <v>1143</v>
      </c>
      <c r="F1472" s="6" t="s">
        <v>5145</v>
      </c>
      <c r="G1472" s="3" t="s">
        <v>16</v>
      </c>
      <c r="H1472" s="3" t="s">
        <v>17</v>
      </c>
      <c r="I1472" s="3" t="s">
        <v>18</v>
      </c>
      <c r="J1472" s="3" t="s">
        <v>634</v>
      </c>
      <c r="K1472" s="4">
        <v>43365</v>
      </c>
    </row>
    <row r="1473" spans="1:11" ht="105" x14ac:dyDescent="0.25">
      <c r="A1473" s="6" t="s">
        <v>5157</v>
      </c>
      <c r="B1473" s="8" t="s">
        <v>12</v>
      </c>
      <c r="C1473" s="8">
        <v>1840</v>
      </c>
      <c r="D1473" s="8">
        <v>1840</v>
      </c>
      <c r="E1473" s="3" t="s">
        <v>5158</v>
      </c>
      <c r="F1473" s="6" t="s">
        <v>5159</v>
      </c>
      <c r="G1473" s="3" t="s">
        <v>16</v>
      </c>
      <c r="H1473" s="3" t="s">
        <v>244</v>
      </c>
      <c r="I1473" s="3" t="s">
        <v>5160</v>
      </c>
      <c r="J1473" s="3" t="s">
        <v>13</v>
      </c>
      <c r="K1473" s="4">
        <v>43365</v>
      </c>
    </row>
    <row r="1474" spans="1:11" ht="30" x14ac:dyDescent="0.25">
      <c r="A1474" s="6" t="s">
        <v>5318</v>
      </c>
      <c r="B1474" s="8" t="s">
        <v>12</v>
      </c>
      <c r="C1474" s="8">
        <v>1923</v>
      </c>
      <c r="D1474" s="8">
        <v>1923</v>
      </c>
      <c r="E1474" s="3" t="s">
        <v>3823</v>
      </c>
      <c r="F1474" s="6" t="s">
        <v>5319</v>
      </c>
      <c r="G1474" s="3" t="s">
        <v>16</v>
      </c>
      <c r="H1474" s="3" t="s">
        <v>17</v>
      </c>
      <c r="I1474" s="3" t="s">
        <v>18</v>
      </c>
      <c r="J1474" s="3" t="s">
        <v>5320</v>
      </c>
      <c r="K1474" s="4">
        <v>43365</v>
      </c>
    </row>
    <row r="1475" spans="1:11" ht="30" x14ac:dyDescent="0.25">
      <c r="A1475" s="6" t="s">
        <v>5371</v>
      </c>
      <c r="B1475" s="8" t="s">
        <v>12</v>
      </c>
      <c r="C1475" s="8">
        <v>1666</v>
      </c>
      <c r="D1475" s="8">
        <v>1666</v>
      </c>
      <c r="E1475" s="3" t="s">
        <v>13</v>
      </c>
      <c r="F1475" s="6" t="s">
        <v>5372</v>
      </c>
      <c r="G1475" s="3" t="s">
        <v>16</v>
      </c>
      <c r="H1475" s="3" t="s">
        <v>17</v>
      </c>
      <c r="I1475" s="3" t="s">
        <v>18</v>
      </c>
      <c r="J1475" s="3" t="s">
        <v>13</v>
      </c>
      <c r="K1475" s="4">
        <v>43365</v>
      </c>
    </row>
    <row r="1476" spans="1:11" ht="105" x14ac:dyDescent="0.25">
      <c r="A1476" s="6" t="s">
        <v>5157</v>
      </c>
      <c r="B1476" s="8" t="s">
        <v>12</v>
      </c>
      <c r="C1476" s="8">
        <v>1842</v>
      </c>
      <c r="D1476" s="8">
        <v>1842</v>
      </c>
      <c r="E1476" s="3" t="s">
        <v>5158</v>
      </c>
      <c r="F1476" s="6" t="s">
        <v>5159</v>
      </c>
      <c r="G1476" s="3" t="s">
        <v>16</v>
      </c>
      <c r="H1476" s="3" t="s">
        <v>244</v>
      </c>
      <c r="I1476" s="3" t="s">
        <v>5160</v>
      </c>
      <c r="J1476" s="3" t="s">
        <v>5396</v>
      </c>
      <c r="K1476" s="4">
        <v>43365</v>
      </c>
    </row>
    <row r="1477" spans="1:11" ht="240" x14ac:dyDescent="0.25">
      <c r="A1477" s="6" t="s">
        <v>5500</v>
      </c>
      <c r="B1477" s="8" t="s">
        <v>12</v>
      </c>
      <c r="C1477" s="8">
        <v>1568</v>
      </c>
      <c r="D1477" s="8">
        <v>1568</v>
      </c>
      <c r="E1477" s="3" t="s">
        <v>5501</v>
      </c>
      <c r="F1477" s="6" t="s">
        <v>5502</v>
      </c>
      <c r="G1477" s="3" t="s">
        <v>16</v>
      </c>
      <c r="H1477" s="3" t="s">
        <v>30</v>
      </c>
      <c r="I1477" s="3" t="s">
        <v>264</v>
      </c>
      <c r="J1477" s="3" t="s">
        <v>13</v>
      </c>
      <c r="K1477" s="4">
        <v>43365</v>
      </c>
    </row>
    <row r="1478" spans="1:11" ht="150" x14ac:dyDescent="0.25">
      <c r="A1478" s="6" t="s">
        <v>5542</v>
      </c>
      <c r="B1478" s="8" t="s">
        <v>12</v>
      </c>
      <c r="C1478" s="8">
        <v>1573</v>
      </c>
      <c r="D1478" s="8">
        <v>1573</v>
      </c>
      <c r="E1478" s="3" t="s">
        <v>2655</v>
      </c>
      <c r="F1478" s="6" t="s">
        <v>2656</v>
      </c>
      <c r="G1478" s="3" t="s">
        <v>16</v>
      </c>
      <c r="H1478" s="3" t="s">
        <v>24</v>
      </c>
      <c r="I1478" s="3" t="s">
        <v>171</v>
      </c>
      <c r="J1478" s="3" t="s">
        <v>2657</v>
      </c>
      <c r="K1478" s="4">
        <v>43365</v>
      </c>
    </row>
    <row r="1479" spans="1:11" ht="45" x14ac:dyDescent="0.25">
      <c r="A1479" s="6" t="s">
        <v>5563</v>
      </c>
      <c r="B1479" s="8" t="s">
        <v>12</v>
      </c>
      <c r="C1479" s="8">
        <v>1896</v>
      </c>
      <c r="D1479" s="8">
        <v>1896</v>
      </c>
      <c r="E1479" s="3" t="s">
        <v>127</v>
      </c>
      <c r="F1479" s="6" t="s">
        <v>128</v>
      </c>
      <c r="G1479" s="3" t="s">
        <v>16</v>
      </c>
      <c r="H1479" s="3" t="s">
        <v>17</v>
      </c>
      <c r="I1479" s="3" t="s">
        <v>18</v>
      </c>
      <c r="J1479" s="3" t="s">
        <v>13</v>
      </c>
      <c r="K1479" s="4">
        <v>43365</v>
      </c>
    </row>
    <row r="1480" spans="1:11" ht="45" x14ac:dyDescent="0.25">
      <c r="A1480" s="6" t="s">
        <v>5627</v>
      </c>
      <c r="B1480" s="8" t="s">
        <v>12</v>
      </c>
      <c r="C1480" s="8">
        <v>1908</v>
      </c>
      <c r="D1480" s="8">
        <v>1908</v>
      </c>
      <c r="E1480" s="3" t="s">
        <v>557</v>
      </c>
      <c r="F1480" s="6" t="s">
        <v>5628</v>
      </c>
      <c r="G1480" s="3" t="s">
        <v>16</v>
      </c>
      <c r="H1480" s="3" t="s">
        <v>17</v>
      </c>
      <c r="I1480" s="3" t="s">
        <v>18</v>
      </c>
      <c r="J1480" s="3" t="s">
        <v>13</v>
      </c>
      <c r="K1480" s="4">
        <v>43365</v>
      </c>
    </row>
    <row r="1481" spans="1:11" ht="45" x14ac:dyDescent="0.25">
      <c r="A1481" s="6" t="s">
        <v>5686</v>
      </c>
      <c r="B1481" s="8" t="s">
        <v>12</v>
      </c>
      <c r="C1481" s="8">
        <v>1909</v>
      </c>
      <c r="D1481" s="8">
        <v>1909</v>
      </c>
      <c r="E1481" s="3" t="s">
        <v>127</v>
      </c>
      <c r="F1481" s="6" t="s">
        <v>128</v>
      </c>
      <c r="G1481" s="3" t="s">
        <v>16</v>
      </c>
      <c r="H1481" s="3" t="s">
        <v>17</v>
      </c>
      <c r="I1481" s="3" t="s">
        <v>18</v>
      </c>
      <c r="J1481" s="3" t="s">
        <v>13</v>
      </c>
      <c r="K1481" s="4">
        <v>43365</v>
      </c>
    </row>
    <row r="1482" spans="1:11" ht="45" x14ac:dyDescent="0.25">
      <c r="A1482" s="6" t="s">
        <v>5719</v>
      </c>
      <c r="B1482" s="8" t="s">
        <v>12</v>
      </c>
      <c r="C1482" s="8">
        <v>1894</v>
      </c>
      <c r="D1482" s="8">
        <v>1894</v>
      </c>
      <c r="E1482" s="3" t="s">
        <v>127</v>
      </c>
      <c r="F1482" s="6" t="s">
        <v>128</v>
      </c>
      <c r="G1482" s="3" t="s">
        <v>16</v>
      </c>
      <c r="H1482" s="3" t="s">
        <v>17</v>
      </c>
      <c r="I1482" s="3" t="s">
        <v>18</v>
      </c>
      <c r="J1482" s="3" t="s">
        <v>13</v>
      </c>
      <c r="K1482" s="4">
        <v>43365</v>
      </c>
    </row>
    <row r="1483" spans="1:11" ht="45" x14ac:dyDescent="0.25">
      <c r="A1483" s="6" t="s">
        <v>144</v>
      </c>
      <c r="B1483" s="8" t="s">
        <v>12</v>
      </c>
      <c r="C1483" s="8">
        <v>1903</v>
      </c>
      <c r="D1483" s="8">
        <v>1903</v>
      </c>
      <c r="E1483" s="3" t="s">
        <v>145</v>
      </c>
      <c r="F1483" s="6" t="s">
        <v>128</v>
      </c>
      <c r="G1483" s="3" t="s">
        <v>16</v>
      </c>
      <c r="H1483" s="3" t="s">
        <v>17</v>
      </c>
      <c r="I1483" s="3" t="s">
        <v>18</v>
      </c>
      <c r="J1483" s="3" t="s">
        <v>13</v>
      </c>
      <c r="K1483" s="4">
        <v>43364</v>
      </c>
    </row>
    <row r="1484" spans="1:11" ht="120" x14ac:dyDescent="0.25">
      <c r="A1484" s="6" t="s">
        <v>549</v>
      </c>
      <c r="B1484" s="8" t="s">
        <v>12</v>
      </c>
      <c r="C1484" s="8">
        <v>1909</v>
      </c>
      <c r="D1484" s="8">
        <v>1909</v>
      </c>
      <c r="E1484" s="3" t="s">
        <v>550</v>
      </c>
      <c r="F1484" s="6" t="s">
        <v>551</v>
      </c>
      <c r="G1484" s="3" t="s">
        <v>16</v>
      </c>
      <c r="H1484" s="3" t="s">
        <v>17</v>
      </c>
      <c r="I1484" s="3" t="s">
        <v>18</v>
      </c>
      <c r="J1484" s="3" t="s">
        <v>552</v>
      </c>
      <c r="K1484" s="4">
        <v>43364</v>
      </c>
    </row>
    <row r="1485" spans="1:11" ht="45" x14ac:dyDescent="0.25">
      <c r="A1485" s="6" t="s">
        <v>1151</v>
      </c>
      <c r="B1485" s="8" t="s">
        <v>12</v>
      </c>
      <c r="C1485" s="8">
        <v>1889</v>
      </c>
      <c r="D1485" s="8">
        <v>1889</v>
      </c>
      <c r="E1485" s="3" t="s">
        <v>1152</v>
      </c>
      <c r="F1485" s="6" t="s">
        <v>128</v>
      </c>
      <c r="G1485" s="3" t="s">
        <v>16</v>
      </c>
      <c r="H1485" s="3" t="s">
        <v>17</v>
      </c>
      <c r="I1485" s="3" t="s">
        <v>18</v>
      </c>
      <c r="J1485" s="3" t="s">
        <v>13</v>
      </c>
      <c r="K1485" s="4">
        <v>43364</v>
      </c>
    </row>
    <row r="1486" spans="1:11" ht="75" x14ac:dyDescent="0.25">
      <c r="A1486" s="6" t="s">
        <v>3232</v>
      </c>
      <c r="B1486" s="8" t="s">
        <v>12</v>
      </c>
      <c r="C1486" s="9">
        <v>6510</v>
      </c>
      <c r="D1486" s="8">
        <v>1917</v>
      </c>
      <c r="E1486" s="3" t="s">
        <v>1070</v>
      </c>
      <c r="F1486" s="6" t="s">
        <v>3233</v>
      </c>
      <c r="G1486" s="3" t="s">
        <v>16</v>
      </c>
      <c r="H1486" s="3" t="s">
        <v>17</v>
      </c>
      <c r="I1486" s="3" t="s">
        <v>18</v>
      </c>
      <c r="J1486" s="3" t="s">
        <v>3234</v>
      </c>
      <c r="K1486" s="4">
        <v>43364</v>
      </c>
    </row>
    <row r="1487" spans="1:11" ht="120" x14ac:dyDescent="0.25">
      <c r="A1487" s="6" t="s">
        <v>4082</v>
      </c>
      <c r="B1487" s="8" t="s">
        <v>12</v>
      </c>
      <c r="C1487" s="8">
        <v>1908</v>
      </c>
      <c r="D1487" s="8">
        <v>1908</v>
      </c>
      <c r="E1487" s="3" t="s">
        <v>557</v>
      </c>
      <c r="F1487" s="6" t="s">
        <v>4083</v>
      </c>
      <c r="G1487" s="3" t="s">
        <v>16</v>
      </c>
      <c r="H1487" s="3" t="s">
        <v>17</v>
      </c>
      <c r="I1487" s="3" t="s">
        <v>18</v>
      </c>
      <c r="J1487" s="3" t="s">
        <v>104</v>
      </c>
      <c r="K1487" s="4">
        <v>43364</v>
      </c>
    </row>
    <row r="1488" spans="1:11" ht="30" x14ac:dyDescent="0.25">
      <c r="A1488" s="6" t="s">
        <v>3255</v>
      </c>
      <c r="B1488" s="8" t="s">
        <v>12</v>
      </c>
      <c r="C1488" s="8">
        <v>1721</v>
      </c>
      <c r="D1488" s="8">
        <v>1721</v>
      </c>
      <c r="E1488" s="3" t="s">
        <v>3256</v>
      </c>
      <c r="F1488" s="6" t="s">
        <v>3257</v>
      </c>
      <c r="G1488" s="3" t="s">
        <v>16</v>
      </c>
      <c r="H1488" s="3" t="s">
        <v>17</v>
      </c>
      <c r="I1488" s="3" t="s">
        <v>18</v>
      </c>
      <c r="J1488" s="3" t="s">
        <v>414</v>
      </c>
      <c r="K1488" s="4">
        <v>43361</v>
      </c>
    </row>
    <row r="1489" spans="1:11" ht="30" x14ac:dyDescent="0.25">
      <c r="A1489" s="6" t="s">
        <v>4917</v>
      </c>
      <c r="B1489" s="8" t="s">
        <v>12</v>
      </c>
      <c r="C1489" s="8">
        <v>1700</v>
      </c>
      <c r="D1489" s="8">
        <v>1700</v>
      </c>
      <c r="E1489" s="3" t="s">
        <v>4918</v>
      </c>
      <c r="F1489" s="6" t="s">
        <v>4919</v>
      </c>
      <c r="G1489" s="3" t="s">
        <v>16</v>
      </c>
      <c r="H1489" s="3" t="s">
        <v>17</v>
      </c>
      <c r="I1489" s="3" t="s">
        <v>18</v>
      </c>
      <c r="J1489" s="3" t="s">
        <v>414</v>
      </c>
      <c r="K1489" s="4">
        <v>43361</v>
      </c>
    </row>
    <row r="1490" spans="1:11" ht="45" x14ac:dyDescent="0.25">
      <c r="A1490" s="6" t="s">
        <v>5081</v>
      </c>
      <c r="B1490" s="8" t="s">
        <v>12</v>
      </c>
      <c r="C1490" s="8" t="s">
        <v>3903</v>
      </c>
      <c r="D1490" s="8">
        <v>1742</v>
      </c>
      <c r="E1490" s="3" t="s">
        <v>5082</v>
      </c>
      <c r="F1490" s="6" t="s">
        <v>5083</v>
      </c>
      <c r="G1490" s="3" t="s">
        <v>16</v>
      </c>
      <c r="H1490" s="3" t="s">
        <v>17</v>
      </c>
      <c r="I1490" s="3" t="s">
        <v>18</v>
      </c>
      <c r="J1490" s="3" t="s">
        <v>5084</v>
      </c>
      <c r="K1490" s="4">
        <v>43361</v>
      </c>
    </row>
    <row r="1491" spans="1:11" ht="60" x14ac:dyDescent="0.25">
      <c r="A1491" s="6" t="s">
        <v>11</v>
      </c>
      <c r="B1491" s="8" t="s">
        <v>12</v>
      </c>
      <c r="C1491" s="8">
        <v>1583</v>
      </c>
      <c r="D1491" s="8">
        <v>1583</v>
      </c>
      <c r="E1491" s="3" t="s">
        <v>14</v>
      </c>
      <c r="F1491" s="6" t="s">
        <v>15</v>
      </c>
      <c r="G1491" s="3" t="s">
        <v>16</v>
      </c>
      <c r="H1491" s="3" t="s">
        <v>17</v>
      </c>
      <c r="I1491" s="3" t="s">
        <v>18</v>
      </c>
      <c r="J1491" s="3" t="s">
        <v>19</v>
      </c>
      <c r="K1491" s="4">
        <v>43358</v>
      </c>
    </row>
    <row r="1492" spans="1:11" ht="30" x14ac:dyDescent="0.25">
      <c r="A1492" s="6" t="s">
        <v>377</v>
      </c>
      <c r="B1492" s="8" t="s">
        <v>12</v>
      </c>
      <c r="C1492" s="8">
        <v>1909</v>
      </c>
      <c r="D1492" s="8">
        <v>1909</v>
      </c>
      <c r="E1492" s="3" t="s">
        <v>378</v>
      </c>
      <c r="F1492" s="6" t="s">
        <v>379</v>
      </c>
      <c r="G1492" s="3" t="s">
        <v>16</v>
      </c>
      <c r="H1492" s="3" t="s">
        <v>17</v>
      </c>
      <c r="I1492" s="3" t="s">
        <v>18</v>
      </c>
      <c r="J1492" s="3" t="s">
        <v>373</v>
      </c>
      <c r="K1492" s="4">
        <v>43358</v>
      </c>
    </row>
    <row r="1493" spans="1:11" ht="150" x14ac:dyDescent="0.25">
      <c r="A1493" s="6" t="s">
        <v>624</v>
      </c>
      <c r="B1493" s="8" t="s">
        <v>12</v>
      </c>
      <c r="C1493" s="8">
        <v>1912</v>
      </c>
      <c r="D1493" s="8">
        <v>1912</v>
      </c>
      <c r="E1493" s="3" t="s">
        <v>461</v>
      </c>
      <c r="F1493" s="6" t="s">
        <v>625</v>
      </c>
      <c r="G1493" s="3" t="s">
        <v>16</v>
      </c>
      <c r="H1493" s="3" t="s">
        <v>17</v>
      </c>
      <c r="I1493" s="3" t="s">
        <v>18</v>
      </c>
      <c r="J1493" s="3" t="s">
        <v>626</v>
      </c>
      <c r="K1493" s="4">
        <v>43358</v>
      </c>
    </row>
    <row r="1494" spans="1:11" ht="150" x14ac:dyDescent="0.25">
      <c r="A1494" s="6" t="s">
        <v>656</v>
      </c>
      <c r="B1494" s="8" t="s">
        <v>12</v>
      </c>
      <c r="C1494" s="8">
        <v>1901</v>
      </c>
      <c r="D1494" s="8">
        <v>1901</v>
      </c>
      <c r="E1494" s="3" t="s">
        <v>657</v>
      </c>
      <c r="F1494" s="6" t="s">
        <v>658</v>
      </c>
      <c r="G1494" s="3" t="s">
        <v>16</v>
      </c>
      <c r="H1494" s="3" t="s">
        <v>17</v>
      </c>
      <c r="I1494" s="3" t="s">
        <v>18</v>
      </c>
      <c r="J1494" s="3" t="s">
        <v>559</v>
      </c>
      <c r="K1494" s="4">
        <v>43358</v>
      </c>
    </row>
    <row r="1495" spans="1:11" ht="45" x14ac:dyDescent="0.25">
      <c r="A1495" s="6" t="s">
        <v>674</v>
      </c>
      <c r="B1495" s="8" t="s">
        <v>12</v>
      </c>
      <c r="C1495" s="8" t="s">
        <v>675</v>
      </c>
      <c r="D1495" s="8" t="s">
        <v>676</v>
      </c>
      <c r="E1495" s="3" t="s">
        <v>677</v>
      </c>
      <c r="F1495" s="6" t="s">
        <v>678</v>
      </c>
      <c r="G1495" s="3" t="s">
        <v>16</v>
      </c>
      <c r="H1495" s="3" t="s">
        <v>17</v>
      </c>
      <c r="I1495" s="3" t="s">
        <v>18</v>
      </c>
      <c r="J1495" s="3" t="s">
        <v>679</v>
      </c>
      <c r="K1495" s="4">
        <v>43358</v>
      </c>
    </row>
    <row r="1496" spans="1:11" x14ac:dyDescent="0.25">
      <c r="A1496" s="6" t="s">
        <v>1004</v>
      </c>
      <c r="B1496" s="8" t="s">
        <v>12</v>
      </c>
      <c r="C1496" s="8" t="s">
        <v>1005</v>
      </c>
      <c r="D1496" s="8">
        <v>1757</v>
      </c>
      <c r="E1496" s="3" t="s">
        <v>1006</v>
      </c>
      <c r="F1496" s="6" t="s">
        <v>1007</v>
      </c>
      <c r="G1496" s="3" t="s">
        <v>16</v>
      </c>
      <c r="H1496" s="3" t="s">
        <v>17</v>
      </c>
      <c r="I1496" s="3" t="s">
        <v>350</v>
      </c>
      <c r="J1496" s="3" t="s">
        <v>1008</v>
      </c>
      <c r="K1496" s="4">
        <v>43358</v>
      </c>
    </row>
    <row r="1497" spans="1:11" ht="150" x14ac:dyDescent="0.25">
      <c r="A1497" s="6" t="s">
        <v>1212</v>
      </c>
      <c r="B1497" s="8" t="s">
        <v>12</v>
      </c>
      <c r="C1497" s="8">
        <v>1903</v>
      </c>
      <c r="D1497" s="8">
        <v>1903</v>
      </c>
      <c r="E1497" s="3" t="s">
        <v>1213</v>
      </c>
      <c r="F1497" s="6" t="s">
        <v>658</v>
      </c>
      <c r="G1497" s="3" t="s">
        <v>16</v>
      </c>
      <c r="H1497" s="3" t="s">
        <v>17</v>
      </c>
      <c r="I1497" s="3" t="s">
        <v>18</v>
      </c>
      <c r="J1497" s="3" t="s">
        <v>559</v>
      </c>
      <c r="K1497" s="4">
        <v>43358</v>
      </c>
    </row>
    <row r="1498" spans="1:11" ht="60" x14ac:dyDescent="0.25">
      <c r="A1498" s="6" t="s">
        <v>1249</v>
      </c>
      <c r="B1498" s="8" t="s">
        <v>12</v>
      </c>
      <c r="C1498" s="9">
        <v>6888</v>
      </c>
      <c r="D1498" s="9">
        <v>6888</v>
      </c>
      <c r="E1498" s="3" t="s">
        <v>677</v>
      </c>
      <c r="F1498" s="6" t="s">
        <v>1250</v>
      </c>
      <c r="G1498" s="3" t="s">
        <v>16</v>
      </c>
      <c r="H1498" s="3" t="s">
        <v>17</v>
      </c>
      <c r="I1498" s="3" t="s">
        <v>18</v>
      </c>
      <c r="J1498" s="3" t="s">
        <v>1251</v>
      </c>
      <c r="K1498" s="4">
        <v>43358</v>
      </c>
    </row>
    <row r="1499" spans="1:11" ht="45" x14ac:dyDescent="0.25">
      <c r="A1499" s="6" t="s">
        <v>1362</v>
      </c>
      <c r="B1499" s="8" t="s">
        <v>12</v>
      </c>
      <c r="C1499" s="8">
        <v>1722</v>
      </c>
      <c r="D1499" s="8">
        <v>1722</v>
      </c>
      <c r="E1499" s="3" t="s">
        <v>1363</v>
      </c>
      <c r="F1499" s="6" t="s">
        <v>1364</v>
      </c>
      <c r="G1499" s="3" t="s">
        <v>16</v>
      </c>
      <c r="H1499" s="3" t="s">
        <v>17</v>
      </c>
      <c r="I1499" s="3" t="s">
        <v>18</v>
      </c>
      <c r="J1499" s="3" t="s">
        <v>1365</v>
      </c>
      <c r="K1499" s="4">
        <v>43358</v>
      </c>
    </row>
    <row r="1500" spans="1:11" ht="60" x14ac:dyDescent="0.25">
      <c r="A1500" s="6" t="s">
        <v>1370</v>
      </c>
      <c r="B1500" s="8" t="s">
        <v>12</v>
      </c>
      <c r="C1500" s="8" t="s">
        <v>652</v>
      </c>
      <c r="D1500" s="8">
        <v>1829</v>
      </c>
      <c r="E1500" s="3" t="s">
        <v>1371</v>
      </c>
      <c r="F1500" s="6" t="s">
        <v>1372</v>
      </c>
      <c r="G1500" s="3" t="s">
        <v>16</v>
      </c>
      <c r="H1500" s="3" t="s">
        <v>17</v>
      </c>
      <c r="I1500" s="3" t="s">
        <v>18</v>
      </c>
      <c r="J1500" s="3" t="s">
        <v>13</v>
      </c>
      <c r="K1500" s="4">
        <v>43358</v>
      </c>
    </row>
    <row r="1501" spans="1:11" ht="90" x14ac:dyDescent="0.25">
      <c r="A1501" s="6" t="s">
        <v>1493</v>
      </c>
      <c r="B1501" s="8" t="s">
        <v>12</v>
      </c>
      <c r="C1501" s="8">
        <v>1921</v>
      </c>
      <c r="D1501" s="8">
        <v>1921</v>
      </c>
      <c r="E1501" s="3" t="s">
        <v>111</v>
      </c>
      <c r="F1501" s="6" t="s">
        <v>1494</v>
      </c>
      <c r="G1501" s="3" t="s">
        <v>16</v>
      </c>
      <c r="H1501" s="3" t="s">
        <v>17</v>
      </c>
      <c r="I1501" s="3" t="s">
        <v>18</v>
      </c>
      <c r="J1501" s="3" t="s">
        <v>1495</v>
      </c>
      <c r="K1501" s="4">
        <v>43358</v>
      </c>
    </row>
    <row r="1502" spans="1:11" ht="60" x14ac:dyDescent="0.25">
      <c r="A1502" s="6" t="s">
        <v>1628</v>
      </c>
      <c r="B1502" s="8" t="s">
        <v>12</v>
      </c>
      <c r="C1502" s="8">
        <v>1915</v>
      </c>
      <c r="D1502" s="8">
        <v>1915</v>
      </c>
      <c r="E1502" s="3" t="s">
        <v>211</v>
      </c>
      <c r="F1502" s="6" t="s">
        <v>1629</v>
      </c>
      <c r="G1502" s="3" t="s">
        <v>16</v>
      </c>
      <c r="H1502" s="3" t="s">
        <v>17</v>
      </c>
      <c r="I1502" s="3" t="s">
        <v>18</v>
      </c>
      <c r="J1502" s="3" t="s">
        <v>1630</v>
      </c>
      <c r="K1502" s="4">
        <v>43358</v>
      </c>
    </row>
    <row r="1503" spans="1:11" ht="45" x14ac:dyDescent="0.25">
      <c r="A1503" s="6" t="s">
        <v>1701</v>
      </c>
      <c r="B1503" s="8" t="s">
        <v>12</v>
      </c>
      <c r="C1503" s="8">
        <v>1910</v>
      </c>
      <c r="D1503" s="8">
        <v>1910</v>
      </c>
      <c r="E1503" s="3" t="s">
        <v>1702</v>
      </c>
      <c r="F1503" s="6" t="s">
        <v>1703</v>
      </c>
      <c r="G1503" s="3" t="s">
        <v>16</v>
      </c>
      <c r="H1503" s="3" t="s">
        <v>17</v>
      </c>
      <c r="I1503" s="3" t="s">
        <v>18</v>
      </c>
      <c r="J1503" s="3" t="s">
        <v>1704</v>
      </c>
      <c r="K1503" s="4">
        <v>43358</v>
      </c>
    </row>
    <row r="1504" spans="1:11" x14ac:dyDescent="0.25">
      <c r="A1504" s="6" t="s">
        <v>1900</v>
      </c>
      <c r="B1504" s="8" t="s">
        <v>12</v>
      </c>
      <c r="C1504" s="8" t="s">
        <v>1901</v>
      </c>
      <c r="D1504" s="8">
        <v>1718</v>
      </c>
      <c r="E1504" s="3" t="s">
        <v>1902</v>
      </c>
      <c r="F1504" s="6" t="s">
        <v>1903</v>
      </c>
      <c r="G1504" s="3" t="s">
        <v>16</v>
      </c>
      <c r="H1504" s="3" t="s">
        <v>17</v>
      </c>
      <c r="I1504" s="3" t="s">
        <v>18</v>
      </c>
      <c r="J1504" s="3" t="s">
        <v>414</v>
      </c>
      <c r="K1504" s="4">
        <v>43358</v>
      </c>
    </row>
    <row r="1505" spans="1:11" ht="30" x14ac:dyDescent="0.25">
      <c r="A1505" s="6" t="s">
        <v>1949</v>
      </c>
      <c r="B1505" s="8" t="s">
        <v>12</v>
      </c>
      <c r="C1505" s="8" t="s">
        <v>1950</v>
      </c>
      <c r="D1505" s="8">
        <v>1768</v>
      </c>
      <c r="E1505" s="3" t="s">
        <v>1951</v>
      </c>
      <c r="F1505" s="6" t="s">
        <v>1952</v>
      </c>
      <c r="G1505" s="3" t="s">
        <v>16</v>
      </c>
      <c r="H1505" s="3" t="s">
        <v>17</v>
      </c>
      <c r="I1505" s="3" t="s">
        <v>18</v>
      </c>
      <c r="J1505" s="3" t="s">
        <v>1953</v>
      </c>
      <c r="K1505" s="4">
        <v>43358</v>
      </c>
    </row>
    <row r="1506" spans="1:11" ht="60" x14ac:dyDescent="0.25">
      <c r="A1506" s="6" t="s">
        <v>2046</v>
      </c>
      <c r="B1506" s="8" t="s">
        <v>12</v>
      </c>
      <c r="C1506" s="8">
        <v>1795</v>
      </c>
      <c r="D1506" s="8">
        <v>1795</v>
      </c>
      <c r="E1506" s="3" t="s">
        <v>1209</v>
      </c>
      <c r="F1506" s="6" t="s">
        <v>2047</v>
      </c>
      <c r="G1506" s="3" t="s">
        <v>16</v>
      </c>
      <c r="H1506" s="3" t="s">
        <v>17</v>
      </c>
      <c r="I1506" s="3" t="s">
        <v>18</v>
      </c>
      <c r="J1506" s="3" t="s">
        <v>2048</v>
      </c>
      <c r="K1506" s="4">
        <v>43358</v>
      </c>
    </row>
    <row r="1507" spans="1:11" ht="60" x14ac:dyDescent="0.25">
      <c r="A1507" s="6" t="s">
        <v>2266</v>
      </c>
      <c r="B1507" s="8" t="s">
        <v>12</v>
      </c>
      <c r="C1507" s="8">
        <v>1921</v>
      </c>
      <c r="D1507" s="8">
        <v>1921</v>
      </c>
      <c r="E1507" s="3" t="s">
        <v>324</v>
      </c>
      <c r="F1507" s="6" t="s">
        <v>2267</v>
      </c>
      <c r="G1507" s="3" t="s">
        <v>16</v>
      </c>
      <c r="H1507" s="3" t="s">
        <v>17</v>
      </c>
      <c r="I1507" s="3" t="s">
        <v>18</v>
      </c>
      <c r="J1507" s="3" t="s">
        <v>2268</v>
      </c>
      <c r="K1507" s="4">
        <v>43358</v>
      </c>
    </row>
    <row r="1508" spans="1:11" ht="90" x14ac:dyDescent="0.25">
      <c r="A1508" s="6" t="s">
        <v>2641</v>
      </c>
      <c r="B1508" s="8" t="s">
        <v>12</v>
      </c>
      <c r="C1508" s="8">
        <v>1902</v>
      </c>
      <c r="D1508" s="8">
        <v>1902</v>
      </c>
      <c r="E1508" s="3" t="s">
        <v>461</v>
      </c>
      <c r="F1508" s="6" t="s">
        <v>2642</v>
      </c>
      <c r="G1508" s="3" t="s">
        <v>16</v>
      </c>
      <c r="H1508" s="3" t="s">
        <v>17</v>
      </c>
      <c r="I1508" s="3" t="s">
        <v>18</v>
      </c>
      <c r="J1508" s="3" t="s">
        <v>2643</v>
      </c>
      <c r="K1508" s="4">
        <v>43358</v>
      </c>
    </row>
    <row r="1509" spans="1:11" ht="150" x14ac:dyDescent="0.25">
      <c r="A1509" s="6" t="s">
        <v>2750</v>
      </c>
      <c r="B1509" s="8" t="s">
        <v>12</v>
      </c>
      <c r="C1509" s="9">
        <v>5567</v>
      </c>
      <c r="D1509" s="9">
        <v>5567</v>
      </c>
      <c r="E1509" s="3" t="s">
        <v>1135</v>
      </c>
      <c r="F1509" s="6" t="s">
        <v>2751</v>
      </c>
      <c r="G1509" s="3" t="s">
        <v>16</v>
      </c>
      <c r="H1509" s="3" t="s">
        <v>17</v>
      </c>
      <c r="I1509" s="3" t="s">
        <v>18</v>
      </c>
      <c r="J1509" s="3" t="s">
        <v>1137</v>
      </c>
      <c r="K1509" s="4">
        <v>43358</v>
      </c>
    </row>
    <row r="1510" spans="1:11" ht="60" x14ac:dyDescent="0.25">
      <c r="A1510" s="6" t="s">
        <v>2757</v>
      </c>
      <c r="B1510" s="8" t="s">
        <v>12</v>
      </c>
      <c r="C1510" s="8">
        <v>1884</v>
      </c>
      <c r="D1510" s="8">
        <v>1884</v>
      </c>
      <c r="E1510" s="3" t="s">
        <v>102</v>
      </c>
      <c r="F1510" s="6" t="s">
        <v>2758</v>
      </c>
      <c r="G1510" s="3" t="s">
        <v>16</v>
      </c>
      <c r="H1510" s="3" t="s">
        <v>17</v>
      </c>
      <c r="I1510" s="3" t="s">
        <v>18</v>
      </c>
      <c r="J1510" s="3" t="s">
        <v>2759</v>
      </c>
      <c r="K1510" s="4">
        <v>43358</v>
      </c>
    </row>
    <row r="1511" spans="1:11" ht="75" x14ac:dyDescent="0.25">
      <c r="A1511" s="6" t="s">
        <v>2797</v>
      </c>
      <c r="B1511" s="8" t="s">
        <v>12</v>
      </c>
      <c r="C1511" s="8" t="s">
        <v>2798</v>
      </c>
      <c r="D1511" s="9">
        <v>2310</v>
      </c>
      <c r="E1511" s="3" t="s">
        <v>107</v>
      </c>
      <c r="F1511" s="6" t="s">
        <v>2799</v>
      </c>
      <c r="G1511" s="3" t="s">
        <v>16</v>
      </c>
      <c r="H1511" s="3" t="s">
        <v>17</v>
      </c>
      <c r="I1511" s="3" t="s">
        <v>18</v>
      </c>
      <c r="J1511" s="3" t="s">
        <v>2800</v>
      </c>
      <c r="K1511" s="4">
        <v>43358</v>
      </c>
    </row>
    <row r="1512" spans="1:11" ht="60" x14ac:dyDescent="0.25">
      <c r="A1512" s="6" t="s">
        <v>2991</v>
      </c>
      <c r="B1512" s="8" t="s">
        <v>12</v>
      </c>
      <c r="C1512" s="9">
        <v>3465</v>
      </c>
      <c r="D1512" s="9">
        <v>3465</v>
      </c>
      <c r="E1512" s="3" t="s">
        <v>107</v>
      </c>
      <c r="F1512" s="6" t="s">
        <v>2992</v>
      </c>
      <c r="G1512" s="3" t="s">
        <v>16</v>
      </c>
      <c r="H1512" s="3" t="s">
        <v>17</v>
      </c>
      <c r="I1512" s="3" t="s">
        <v>18</v>
      </c>
      <c r="J1512" s="3" t="s">
        <v>2993</v>
      </c>
      <c r="K1512" s="4">
        <v>43358</v>
      </c>
    </row>
    <row r="1513" spans="1:11" x14ac:dyDescent="0.25">
      <c r="A1513" s="6" t="s">
        <v>3055</v>
      </c>
      <c r="B1513" s="8" t="s">
        <v>12</v>
      </c>
      <c r="C1513" s="8">
        <v>1710</v>
      </c>
      <c r="D1513" s="8">
        <v>1710</v>
      </c>
      <c r="E1513" s="3" t="s">
        <v>3056</v>
      </c>
      <c r="F1513" s="6" t="s">
        <v>3057</v>
      </c>
      <c r="G1513" s="3" t="s">
        <v>16</v>
      </c>
      <c r="H1513" s="3" t="s">
        <v>17</v>
      </c>
      <c r="I1513" s="3" t="s">
        <v>18</v>
      </c>
      <c r="J1513" s="3" t="s">
        <v>3058</v>
      </c>
      <c r="K1513" s="4">
        <v>43358</v>
      </c>
    </row>
    <row r="1514" spans="1:11" ht="45" x14ac:dyDescent="0.25">
      <c r="A1514" s="6" t="s">
        <v>3252</v>
      </c>
      <c r="B1514" s="8" t="s">
        <v>12</v>
      </c>
      <c r="C1514" s="8">
        <v>1599</v>
      </c>
      <c r="D1514" s="8">
        <v>1599</v>
      </c>
      <c r="E1514" s="3" t="s">
        <v>3253</v>
      </c>
      <c r="F1514" s="6" t="s">
        <v>3254</v>
      </c>
      <c r="G1514" s="3" t="s">
        <v>16</v>
      </c>
      <c r="H1514" s="3" t="s">
        <v>17</v>
      </c>
      <c r="I1514" s="3" t="s">
        <v>57</v>
      </c>
      <c r="J1514" s="3"/>
      <c r="K1514" s="4">
        <v>43358</v>
      </c>
    </row>
    <row r="1515" spans="1:11" ht="75" x14ac:dyDescent="0.25">
      <c r="A1515" s="6" t="s">
        <v>3354</v>
      </c>
      <c r="B1515" s="8" t="s">
        <v>12</v>
      </c>
      <c r="C1515" s="8">
        <v>1892</v>
      </c>
      <c r="D1515" s="8">
        <v>1892</v>
      </c>
      <c r="E1515" s="3" t="s">
        <v>1135</v>
      </c>
      <c r="F1515" s="6" t="s">
        <v>3355</v>
      </c>
      <c r="G1515" s="3" t="s">
        <v>16</v>
      </c>
      <c r="H1515" s="3" t="s">
        <v>17</v>
      </c>
      <c r="I1515" s="3" t="s">
        <v>18</v>
      </c>
      <c r="J1515" s="3" t="s">
        <v>3356</v>
      </c>
      <c r="K1515" s="4">
        <v>43358</v>
      </c>
    </row>
    <row r="1516" spans="1:11" ht="150" x14ac:dyDescent="0.25">
      <c r="A1516" s="6" t="s">
        <v>3569</v>
      </c>
      <c r="B1516" s="8" t="s">
        <v>12</v>
      </c>
      <c r="C1516" s="8" t="s">
        <v>3570</v>
      </c>
      <c r="D1516" s="8" t="s">
        <v>3571</v>
      </c>
      <c r="E1516" s="3" t="s">
        <v>13</v>
      </c>
      <c r="F1516" s="6" t="s">
        <v>3572</v>
      </c>
      <c r="G1516" s="3" t="s">
        <v>16</v>
      </c>
      <c r="H1516" s="3" t="s">
        <v>17</v>
      </c>
      <c r="I1516" s="3" t="s">
        <v>18</v>
      </c>
      <c r="J1516" s="3" t="s">
        <v>790</v>
      </c>
      <c r="K1516" s="4">
        <v>43358</v>
      </c>
    </row>
    <row r="1517" spans="1:11" ht="150" x14ac:dyDescent="0.25">
      <c r="A1517" s="6" t="s">
        <v>3612</v>
      </c>
      <c r="B1517" s="8" t="s">
        <v>12</v>
      </c>
      <c r="C1517" s="8">
        <v>1904</v>
      </c>
      <c r="D1517" s="8">
        <v>1904</v>
      </c>
      <c r="E1517" s="3" t="s">
        <v>1213</v>
      </c>
      <c r="F1517" s="6" t="s">
        <v>658</v>
      </c>
      <c r="G1517" s="3" t="s">
        <v>16</v>
      </c>
      <c r="H1517" s="3" t="s">
        <v>17</v>
      </c>
      <c r="I1517" s="3" t="s">
        <v>18</v>
      </c>
      <c r="J1517" s="3" t="s">
        <v>559</v>
      </c>
      <c r="K1517" s="4">
        <v>43358</v>
      </c>
    </row>
    <row r="1518" spans="1:11" ht="45" x14ac:dyDescent="0.25">
      <c r="A1518" s="6" t="s">
        <v>3729</v>
      </c>
      <c r="B1518" s="8" t="s">
        <v>12</v>
      </c>
      <c r="C1518" s="8">
        <v>1916</v>
      </c>
      <c r="D1518" s="8">
        <v>1916</v>
      </c>
      <c r="E1518" s="3" t="s">
        <v>461</v>
      </c>
      <c r="F1518" s="6" t="s">
        <v>3730</v>
      </c>
      <c r="G1518" s="3" t="s">
        <v>16</v>
      </c>
      <c r="H1518" s="3" t="s">
        <v>17</v>
      </c>
      <c r="I1518" s="3" t="s">
        <v>18</v>
      </c>
      <c r="J1518" s="3" t="s">
        <v>3731</v>
      </c>
      <c r="K1518" s="4">
        <v>43358</v>
      </c>
    </row>
    <row r="1519" spans="1:11" ht="45" x14ac:dyDescent="0.25">
      <c r="A1519" s="6" t="s">
        <v>3993</v>
      </c>
      <c r="B1519" s="8" t="s">
        <v>12</v>
      </c>
      <c r="C1519" s="8">
        <v>1923</v>
      </c>
      <c r="D1519" s="8">
        <v>1923</v>
      </c>
      <c r="E1519" s="3" t="s">
        <v>3994</v>
      </c>
      <c r="F1519" s="6" t="s">
        <v>3995</v>
      </c>
      <c r="G1519" s="3" t="s">
        <v>16</v>
      </c>
      <c r="H1519" s="3" t="s">
        <v>17</v>
      </c>
      <c r="I1519" s="3" t="s">
        <v>18</v>
      </c>
      <c r="J1519" s="3" t="s">
        <v>3996</v>
      </c>
      <c r="K1519" s="4">
        <v>43358</v>
      </c>
    </row>
    <row r="1520" spans="1:11" ht="60" x14ac:dyDescent="0.25">
      <c r="A1520" s="6" t="s">
        <v>4425</v>
      </c>
      <c r="B1520" s="8" t="s">
        <v>12</v>
      </c>
      <c r="C1520" s="8">
        <v>1699</v>
      </c>
      <c r="D1520" s="8">
        <v>1699</v>
      </c>
      <c r="E1520" s="3" t="s">
        <v>922</v>
      </c>
      <c r="F1520" s="6" t="s">
        <v>4426</v>
      </c>
      <c r="G1520" s="3" t="s">
        <v>16</v>
      </c>
      <c r="H1520" s="3" t="s">
        <v>17</v>
      </c>
      <c r="I1520" s="3" t="s">
        <v>18</v>
      </c>
      <c r="J1520" s="3" t="s">
        <v>924</v>
      </c>
      <c r="K1520" s="4">
        <v>43358</v>
      </c>
    </row>
    <row r="1521" spans="1:11" ht="30" x14ac:dyDescent="0.25">
      <c r="A1521" s="6" t="s">
        <v>4481</v>
      </c>
      <c r="B1521" s="8" t="s">
        <v>12</v>
      </c>
      <c r="C1521" s="8" t="s">
        <v>652</v>
      </c>
      <c r="D1521" s="8">
        <v>1736</v>
      </c>
      <c r="E1521" s="3" t="s">
        <v>4482</v>
      </c>
      <c r="F1521" s="6" t="s">
        <v>4483</v>
      </c>
      <c r="G1521" s="3" t="s">
        <v>16</v>
      </c>
      <c r="H1521" s="3" t="s">
        <v>17</v>
      </c>
      <c r="I1521" s="3" t="s">
        <v>18</v>
      </c>
      <c r="J1521" s="3" t="s">
        <v>4484</v>
      </c>
      <c r="K1521" s="4">
        <v>43358</v>
      </c>
    </row>
    <row r="1522" spans="1:11" ht="75" x14ac:dyDescent="0.25">
      <c r="A1522" s="6" t="s">
        <v>4485</v>
      </c>
      <c r="B1522" s="8" t="s">
        <v>12</v>
      </c>
      <c r="C1522" s="8">
        <v>1701</v>
      </c>
      <c r="D1522" s="8">
        <v>1701</v>
      </c>
      <c r="E1522" s="3" t="s">
        <v>4486</v>
      </c>
      <c r="F1522" s="6" t="s">
        <v>4487</v>
      </c>
      <c r="G1522" s="3" t="s">
        <v>16</v>
      </c>
      <c r="H1522" s="3" t="s">
        <v>17</v>
      </c>
      <c r="I1522" s="3" t="s">
        <v>13</v>
      </c>
      <c r="J1522" s="3" t="s">
        <v>13</v>
      </c>
      <c r="K1522" s="4">
        <v>43358</v>
      </c>
    </row>
    <row r="1523" spans="1:11" ht="30" x14ac:dyDescent="0.25">
      <c r="A1523" s="6" t="s">
        <v>4578</v>
      </c>
      <c r="B1523" s="8" t="s">
        <v>12</v>
      </c>
      <c r="C1523" s="8" t="s">
        <v>652</v>
      </c>
      <c r="D1523" s="8">
        <v>1895</v>
      </c>
      <c r="E1523" s="3" t="s">
        <v>13</v>
      </c>
      <c r="F1523" s="6" t="s">
        <v>4579</v>
      </c>
      <c r="G1523" s="3" t="s">
        <v>16</v>
      </c>
      <c r="H1523" s="3" t="s">
        <v>17</v>
      </c>
      <c r="I1523" s="3" t="s">
        <v>18</v>
      </c>
      <c r="J1523" s="3" t="s">
        <v>4580</v>
      </c>
      <c r="K1523" s="4">
        <v>43358</v>
      </c>
    </row>
    <row r="1524" spans="1:11" ht="30" x14ac:dyDescent="0.25">
      <c r="A1524" s="6" t="s">
        <v>4935</v>
      </c>
      <c r="B1524" s="8" t="s">
        <v>12</v>
      </c>
      <c r="C1524" s="8">
        <v>1715</v>
      </c>
      <c r="D1524" s="8">
        <v>1715</v>
      </c>
      <c r="E1524" s="3" t="s">
        <v>2591</v>
      </c>
      <c r="F1524" s="6" t="s">
        <v>4936</v>
      </c>
      <c r="G1524" s="3" t="s">
        <v>16</v>
      </c>
      <c r="H1524" s="3" t="s">
        <v>17</v>
      </c>
      <c r="I1524" s="3" t="s">
        <v>18</v>
      </c>
      <c r="J1524" s="3" t="s">
        <v>924</v>
      </c>
      <c r="K1524" s="4">
        <v>43358</v>
      </c>
    </row>
    <row r="1525" spans="1:11" ht="60" x14ac:dyDescent="0.25">
      <c r="A1525" s="6" t="s">
        <v>4952</v>
      </c>
      <c r="B1525" s="8" t="s">
        <v>12</v>
      </c>
      <c r="C1525" s="8">
        <v>1908</v>
      </c>
      <c r="D1525" s="8">
        <v>1908</v>
      </c>
      <c r="E1525" s="3" t="s">
        <v>4953</v>
      </c>
      <c r="F1525" s="6" t="s">
        <v>4954</v>
      </c>
      <c r="G1525" s="3" t="s">
        <v>16</v>
      </c>
      <c r="H1525" s="3" t="s">
        <v>17</v>
      </c>
      <c r="I1525" s="3" t="s">
        <v>18</v>
      </c>
      <c r="J1525" s="3" t="s">
        <v>4955</v>
      </c>
      <c r="K1525" s="4">
        <v>43358</v>
      </c>
    </row>
    <row r="1526" spans="1:11" ht="45" x14ac:dyDescent="0.25">
      <c r="A1526" s="6" t="s">
        <v>5048</v>
      </c>
      <c r="B1526" s="8" t="s">
        <v>12</v>
      </c>
      <c r="C1526" s="8">
        <v>1907</v>
      </c>
      <c r="D1526" s="8">
        <v>1907</v>
      </c>
      <c r="E1526" s="3" t="s">
        <v>5049</v>
      </c>
      <c r="F1526" s="6" t="s">
        <v>5050</v>
      </c>
      <c r="G1526" s="3" t="s">
        <v>16</v>
      </c>
      <c r="H1526" s="3" t="s">
        <v>17</v>
      </c>
      <c r="I1526" s="3" t="s">
        <v>18</v>
      </c>
      <c r="J1526" s="3" t="s">
        <v>5051</v>
      </c>
      <c r="K1526" s="4">
        <v>43358</v>
      </c>
    </row>
    <row r="1527" spans="1:11" ht="120" x14ac:dyDescent="0.25">
      <c r="A1527" s="6" t="s">
        <v>5161</v>
      </c>
      <c r="B1527" s="8" t="s">
        <v>12</v>
      </c>
      <c r="C1527" s="8">
        <v>1563</v>
      </c>
      <c r="D1527" s="8">
        <v>1563</v>
      </c>
      <c r="E1527" s="3" t="s">
        <v>5162</v>
      </c>
      <c r="F1527" s="6" t="s">
        <v>5163</v>
      </c>
      <c r="G1527" s="3" t="s">
        <v>16</v>
      </c>
      <c r="H1527" s="3" t="s">
        <v>170</v>
      </c>
      <c r="I1527" s="3" t="s">
        <v>388</v>
      </c>
      <c r="J1527" s="3" t="s">
        <v>5164</v>
      </c>
      <c r="K1527" s="4">
        <v>43358</v>
      </c>
    </row>
    <row r="1528" spans="1:11" ht="60" x14ac:dyDescent="0.25">
      <c r="A1528" s="6" t="s">
        <v>5191</v>
      </c>
      <c r="B1528" s="8" t="s">
        <v>12</v>
      </c>
      <c r="C1528" s="8" t="s">
        <v>5192</v>
      </c>
      <c r="D1528" s="8" t="s">
        <v>5193</v>
      </c>
      <c r="E1528" s="3" t="s">
        <v>5194</v>
      </c>
      <c r="F1528" s="6" t="s">
        <v>5195</v>
      </c>
      <c r="G1528" s="3" t="s">
        <v>16</v>
      </c>
      <c r="H1528" s="3" t="s">
        <v>17</v>
      </c>
      <c r="I1528" s="3" t="s">
        <v>13</v>
      </c>
      <c r="J1528" s="3" t="s">
        <v>13</v>
      </c>
      <c r="K1528" s="4">
        <v>43358</v>
      </c>
    </row>
    <row r="1529" spans="1:11" ht="45" x14ac:dyDescent="0.25">
      <c r="A1529" s="6" t="s">
        <v>5237</v>
      </c>
      <c r="B1529" s="8" t="s">
        <v>12</v>
      </c>
      <c r="C1529" s="8">
        <v>1921</v>
      </c>
      <c r="D1529" s="8">
        <v>1921</v>
      </c>
      <c r="E1529" s="3" t="s">
        <v>5238</v>
      </c>
      <c r="F1529" s="6" t="s">
        <v>5239</v>
      </c>
      <c r="G1529" s="3" t="s">
        <v>16</v>
      </c>
      <c r="H1529" s="3" t="s">
        <v>17</v>
      </c>
      <c r="I1529" s="3" t="s">
        <v>18</v>
      </c>
      <c r="J1529" s="3" t="s">
        <v>5240</v>
      </c>
      <c r="K1529" s="4">
        <v>43358</v>
      </c>
    </row>
    <row r="1530" spans="1:11" ht="30" x14ac:dyDescent="0.25">
      <c r="A1530" s="6" t="s">
        <v>3993</v>
      </c>
      <c r="B1530" s="8" t="s">
        <v>12</v>
      </c>
      <c r="C1530" s="8" t="s">
        <v>5315</v>
      </c>
      <c r="D1530" s="8" t="s">
        <v>5315</v>
      </c>
      <c r="E1530" s="3" t="s">
        <v>2354</v>
      </c>
      <c r="F1530" s="6" t="s">
        <v>5316</v>
      </c>
      <c r="G1530" s="3" t="s">
        <v>16</v>
      </c>
      <c r="H1530" s="3" t="s">
        <v>17</v>
      </c>
      <c r="I1530" s="3" t="s">
        <v>18</v>
      </c>
      <c r="J1530" s="3" t="s">
        <v>5317</v>
      </c>
      <c r="K1530" s="4">
        <v>43358</v>
      </c>
    </row>
    <row r="1531" spans="1:11" ht="45" x14ac:dyDescent="0.25">
      <c r="A1531" s="6" t="s">
        <v>5601</v>
      </c>
      <c r="B1531" s="8" t="s">
        <v>12</v>
      </c>
      <c r="C1531" s="8" t="s">
        <v>5602</v>
      </c>
      <c r="D1531" s="8">
        <v>1684</v>
      </c>
      <c r="E1531" s="3" t="s">
        <v>5603</v>
      </c>
      <c r="F1531" s="6" t="s">
        <v>5604</v>
      </c>
      <c r="G1531" s="3" t="s">
        <v>16</v>
      </c>
      <c r="H1531" s="3" t="s">
        <v>17</v>
      </c>
      <c r="I1531" s="3" t="s">
        <v>18</v>
      </c>
      <c r="J1531" s="3" t="s">
        <v>5605</v>
      </c>
      <c r="K1531" s="4">
        <v>43358</v>
      </c>
    </row>
    <row r="1532" spans="1:11" ht="150" x14ac:dyDescent="0.25">
      <c r="A1532" s="6" t="s">
        <v>5610</v>
      </c>
      <c r="B1532" s="8" t="s">
        <v>12</v>
      </c>
      <c r="C1532" s="8">
        <v>1905</v>
      </c>
      <c r="D1532" s="8">
        <v>1905</v>
      </c>
      <c r="E1532" s="3" t="s">
        <v>1213</v>
      </c>
      <c r="F1532" s="6" t="s">
        <v>658</v>
      </c>
      <c r="G1532" s="3" t="s">
        <v>16</v>
      </c>
      <c r="H1532" s="3" t="s">
        <v>17</v>
      </c>
      <c r="I1532" s="3" t="s">
        <v>18</v>
      </c>
      <c r="J1532" s="3" t="s">
        <v>559</v>
      </c>
      <c r="K1532" s="4">
        <v>43358</v>
      </c>
    </row>
    <row r="1533" spans="1:11" ht="45" x14ac:dyDescent="0.25">
      <c r="A1533" s="6" t="s">
        <v>210</v>
      </c>
      <c r="B1533" s="8" t="s">
        <v>12</v>
      </c>
      <c r="C1533" s="8">
        <v>1913</v>
      </c>
      <c r="D1533" s="8">
        <v>1913</v>
      </c>
      <c r="E1533" s="3" t="s">
        <v>211</v>
      </c>
      <c r="F1533" s="6" t="s">
        <v>212</v>
      </c>
      <c r="G1533" s="3" t="s">
        <v>16</v>
      </c>
      <c r="H1533" s="3" t="s">
        <v>17</v>
      </c>
      <c r="I1533" s="3" t="s">
        <v>18</v>
      </c>
      <c r="J1533" s="3" t="s">
        <v>213</v>
      </c>
      <c r="K1533" s="4">
        <v>43357</v>
      </c>
    </row>
    <row r="1534" spans="1:11" ht="75" x14ac:dyDescent="0.25">
      <c r="A1534" s="6" t="s">
        <v>553</v>
      </c>
      <c r="B1534" s="8" t="s">
        <v>12</v>
      </c>
      <c r="C1534" s="8" t="s">
        <v>554</v>
      </c>
      <c r="D1534" s="8">
        <v>1906</v>
      </c>
      <c r="E1534" s="3" t="s">
        <v>515</v>
      </c>
      <c r="F1534" s="6" t="s">
        <v>555</v>
      </c>
      <c r="G1534" s="3" t="s">
        <v>16</v>
      </c>
      <c r="H1534" s="3" t="s">
        <v>17</v>
      </c>
      <c r="I1534" s="3" t="s">
        <v>18</v>
      </c>
      <c r="J1534" s="3" t="s">
        <v>481</v>
      </c>
      <c r="K1534" s="4">
        <v>43357</v>
      </c>
    </row>
    <row r="1535" spans="1:11" ht="45" x14ac:dyDescent="0.25">
      <c r="A1535" s="6" t="s">
        <v>567</v>
      </c>
      <c r="B1535" s="8" t="s">
        <v>12</v>
      </c>
      <c r="C1535" s="8">
        <v>1670</v>
      </c>
      <c r="D1535" s="8">
        <v>1670</v>
      </c>
      <c r="E1535" s="3" t="s">
        <v>568</v>
      </c>
      <c r="F1535" s="6" t="s">
        <v>569</v>
      </c>
      <c r="G1535" s="3" t="s">
        <v>16</v>
      </c>
      <c r="H1535" s="3" t="s">
        <v>17</v>
      </c>
      <c r="I1535" s="3" t="s">
        <v>18</v>
      </c>
      <c r="J1535" s="3" t="s">
        <v>570</v>
      </c>
      <c r="K1535" s="4">
        <v>43357</v>
      </c>
    </row>
    <row r="1536" spans="1:11" ht="60" x14ac:dyDescent="0.25">
      <c r="A1536" s="6" t="s">
        <v>921</v>
      </c>
      <c r="B1536" s="8" t="s">
        <v>12</v>
      </c>
      <c r="C1536" s="8">
        <v>1699</v>
      </c>
      <c r="D1536" s="8">
        <v>1699</v>
      </c>
      <c r="E1536" s="3" t="s">
        <v>922</v>
      </c>
      <c r="F1536" s="6" t="s">
        <v>923</v>
      </c>
      <c r="G1536" s="3" t="s">
        <v>16</v>
      </c>
      <c r="H1536" s="3" t="s">
        <v>17</v>
      </c>
      <c r="I1536" s="3" t="s">
        <v>18</v>
      </c>
      <c r="J1536" s="3" t="s">
        <v>924</v>
      </c>
      <c r="K1536" s="4">
        <v>43357</v>
      </c>
    </row>
    <row r="1537" spans="1:11" ht="135" x14ac:dyDescent="0.25">
      <c r="A1537" s="6" t="s">
        <v>937</v>
      </c>
      <c r="B1537" s="8" t="s">
        <v>12</v>
      </c>
      <c r="C1537" s="8">
        <v>1900</v>
      </c>
      <c r="D1537" s="8">
        <v>1900</v>
      </c>
      <c r="E1537" s="3" t="s">
        <v>657</v>
      </c>
      <c r="F1537" s="6" t="s">
        <v>938</v>
      </c>
      <c r="G1537" s="3" t="s">
        <v>16</v>
      </c>
      <c r="H1537" s="3" t="s">
        <v>17</v>
      </c>
      <c r="I1537" s="3" t="s">
        <v>18</v>
      </c>
      <c r="J1537" s="3" t="s">
        <v>559</v>
      </c>
      <c r="K1537" s="4">
        <v>43357</v>
      </c>
    </row>
    <row r="1538" spans="1:11" ht="90" x14ac:dyDescent="0.25">
      <c r="A1538" s="6" t="s">
        <v>1076</v>
      </c>
      <c r="B1538" s="8" t="s">
        <v>12</v>
      </c>
      <c r="C1538" s="8">
        <v>1922</v>
      </c>
      <c r="D1538" s="8">
        <v>1922</v>
      </c>
      <c r="E1538" s="3" t="s">
        <v>1077</v>
      </c>
      <c r="F1538" s="6" t="s">
        <v>1078</v>
      </c>
      <c r="G1538" s="3" t="s">
        <v>16</v>
      </c>
      <c r="H1538" s="3" t="s">
        <v>17</v>
      </c>
      <c r="I1538" s="3" t="s">
        <v>1079</v>
      </c>
      <c r="J1538" s="3" t="s">
        <v>1080</v>
      </c>
      <c r="K1538" s="4">
        <v>43357</v>
      </c>
    </row>
    <row r="1539" spans="1:11" x14ac:dyDescent="0.25">
      <c r="A1539" s="6" t="s">
        <v>1472</v>
      </c>
      <c r="B1539" s="8" t="s">
        <v>12</v>
      </c>
      <c r="C1539" s="8">
        <v>1829</v>
      </c>
      <c r="D1539" s="8">
        <v>1829</v>
      </c>
      <c r="E1539" s="3" t="s">
        <v>1473</v>
      </c>
      <c r="F1539" s="6" t="s">
        <v>1474</v>
      </c>
      <c r="G1539" s="3" t="s">
        <v>16</v>
      </c>
      <c r="H1539" s="3" t="s">
        <v>17</v>
      </c>
      <c r="I1539" s="3" t="s">
        <v>18</v>
      </c>
      <c r="J1539" s="3" t="s">
        <v>1475</v>
      </c>
      <c r="K1539" s="4">
        <v>43357</v>
      </c>
    </row>
    <row r="1540" spans="1:11" ht="150" x14ac:dyDescent="0.25">
      <c r="A1540" s="6" t="s">
        <v>2031</v>
      </c>
      <c r="B1540" s="8" t="s">
        <v>12</v>
      </c>
      <c r="C1540" s="8">
        <v>1902</v>
      </c>
      <c r="D1540" s="8">
        <v>1902</v>
      </c>
      <c r="E1540" s="3" t="s">
        <v>657</v>
      </c>
      <c r="F1540" s="6" t="s">
        <v>658</v>
      </c>
      <c r="G1540" s="3" t="s">
        <v>16</v>
      </c>
      <c r="H1540" s="3" t="s">
        <v>17</v>
      </c>
      <c r="I1540" s="3" t="s">
        <v>18</v>
      </c>
      <c r="J1540" s="3" t="s">
        <v>559</v>
      </c>
      <c r="K1540" s="4">
        <v>43357</v>
      </c>
    </row>
    <row r="1541" spans="1:11" ht="30" x14ac:dyDescent="0.25">
      <c r="A1541" s="6" t="s">
        <v>2218</v>
      </c>
      <c r="B1541" s="8" t="s">
        <v>12</v>
      </c>
      <c r="C1541" s="8">
        <v>1703</v>
      </c>
      <c r="D1541" s="8">
        <v>1703</v>
      </c>
      <c r="E1541" s="3" t="s">
        <v>2219</v>
      </c>
      <c r="F1541" s="6" t="s">
        <v>2220</v>
      </c>
      <c r="G1541" s="3" t="s">
        <v>16</v>
      </c>
      <c r="H1541" s="3" t="s">
        <v>17</v>
      </c>
      <c r="I1541" s="3" t="s">
        <v>18</v>
      </c>
      <c r="J1541" s="3" t="s">
        <v>2221</v>
      </c>
      <c r="K1541" s="4">
        <v>43357</v>
      </c>
    </row>
    <row r="1542" spans="1:11" ht="45" x14ac:dyDescent="0.25">
      <c r="A1542" s="6" t="s">
        <v>3149</v>
      </c>
      <c r="B1542" s="8" t="s">
        <v>12</v>
      </c>
      <c r="C1542" s="8" t="s">
        <v>3150</v>
      </c>
      <c r="D1542" s="8" t="s">
        <v>3151</v>
      </c>
      <c r="E1542" s="3" t="s">
        <v>677</v>
      </c>
      <c r="F1542" s="6" t="s">
        <v>3152</v>
      </c>
      <c r="G1542" s="3" t="s">
        <v>16</v>
      </c>
      <c r="H1542" s="3" t="s">
        <v>17</v>
      </c>
      <c r="I1542" s="3" t="s">
        <v>13</v>
      </c>
      <c r="J1542" s="3" t="s">
        <v>3153</v>
      </c>
      <c r="K1542" s="4">
        <v>43357</v>
      </c>
    </row>
    <row r="1543" spans="1:11" ht="120" x14ac:dyDescent="0.25">
      <c r="A1543" s="6" t="s">
        <v>3162</v>
      </c>
      <c r="B1543" s="8" t="s">
        <v>12</v>
      </c>
      <c r="C1543" s="8">
        <v>1897</v>
      </c>
      <c r="D1543" s="8">
        <v>1897</v>
      </c>
      <c r="E1543" s="3" t="s">
        <v>507</v>
      </c>
      <c r="F1543" s="6" t="s">
        <v>3163</v>
      </c>
      <c r="G1543" s="3" t="s">
        <v>16</v>
      </c>
      <c r="H1543" s="3" t="s">
        <v>17</v>
      </c>
      <c r="I1543" s="3" t="s">
        <v>18</v>
      </c>
      <c r="J1543" s="3" t="s">
        <v>3164</v>
      </c>
      <c r="K1543" s="4">
        <v>43357</v>
      </c>
    </row>
    <row r="1544" spans="1:11" ht="30" x14ac:dyDescent="0.25">
      <c r="A1544" s="6" t="s">
        <v>3428</v>
      </c>
      <c r="B1544" s="8" t="s">
        <v>12</v>
      </c>
      <c r="C1544" s="8">
        <v>1668</v>
      </c>
      <c r="D1544" s="8">
        <v>1668</v>
      </c>
      <c r="E1544" s="3" t="s">
        <v>3429</v>
      </c>
      <c r="F1544" s="6" t="s">
        <v>3430</v>
      </c>
      <c r="G1544" s="3" t="s">
        <v>16</v>
      </c>
      <c r="H1544" s="3" t="s">
        <v>17</v>
      </c>
      <c r="I1544" s="3" t="s">
        <v>18</v>
      </c>
      <c r="J1544" s="3" t="s">
        <v>2860</v>
      </c>
      <c r="K1544" s="4">
        <v>43357</v>
      </c>
    </row>
    <row r="1545" spans="1:11" ht="30" x14ac:dyDescent="0.25">
      <c r="A1545" s="6" t="s">
        <v>3944</v>
      </c>
      <c r="B1545" s="8" t="s">
        <v>12</v>
      </c>
      <c r="C1545" s="8" t="s">
        <v>652</v>
      </c>
      <c r="D1545" s="8">
        <v>1920</v>
      </c>
      <c r="E1545" s="3" t="s">
        <v>3945</v>
      </c>
      <c r="F1545" s="6" t="s">
        <v>3946</v>
      </c>
      <c r="G1545" s="3" t="s">
        <v>16</v>
      </c>
      <c r="H1545" s="3" t="s">
        <v>17</v>
      </c>
      <c r="I1545" s="3" t="s">
        <v>18</v>
      </c>
      <c r="J1545" s="3" t="s">
        <v>3947</v>
      </c>
      <c r="K1545" s="4">
        <v>43357</v>
      </c>
    </row>
    <row r="1546" spans="1:11" ht="150" x14ac:dyDescent="0.25">
      <c r="A1546" s="6" t="s">
        <v>4079</v>
      </c>
      <c r="B1546" s="8" t="s">
        <v>12</v>
      </c>
      <c r="C1546" s="8">
        <v>1911</v>
      </c>
      <c r="D1546" s="8">
        <v>1911</v>
      </c>
      <c r="E1546" s="3" t="s">
        <v>4080</v>
      </c>
      <c r="F1546" s="6" t="s">
        <v>4081</v>
      </c>
      <c r="G1546" s="3" t="s">
        <v>16</v>
      </c>
      <c r="H1546" s="3" t="s">
        <v>17</v>
      </c>
      <c r="I1546" s="3" t="s">
        <v>1425</v>
      </c>
      <c r="J1546" s="3" t="s">
        <v>1147</v>
      </c>
      <c r="K1546" s="4">
        <v>43357</v>
      </c>
    </row>
    <row r="1547" spans="1:11" ht="60" x14ac:dyDescent="0.25">
      <c r="A1547" s="6" t="s">
        <v>4778</v>
      </c>
      <c r="B1547" s="8" t="s">
        <v>12</v>
      </c>
      <c r="C1547" s="8">
        <v>1921</v>
      </c>
      <c r="D1547" s="8">
        <v>1921</v>
      </c>
      <c r="E1547" s="3" t="s">
        <v>3528</v>
      </c>
      <c r="F1547" s="6" t="s">
        <v>4779</v>
      </c>
      <c r="G1547" s="3" t="s">
        <v>16</v>
      </c>
      <c r="H1547" s="3" t="s">
        <v>17</v>
      </c>
      <c r="I1547" s="3" t="s">
        <v>350</v>
      </c>
      <c r="J1547" s="3" t="s">
        <v>4780</v>
      </c>
      <c r="K1547" s="4">
        <v>43357</v>
      </c>
    </row>
    <row r="1548" spans="1:11" ht="30" x14ac:dyDescent="0.25">
      <c r="A1548" s="6" t="s">
        <v>5249</v>
      </c>
      <c r="B1548" s="8" t="s">
        <v>12</v>
      </c>
      <c r="C1548" s="8" t="s">
        <v>5250</v>
      </c>
      <c r="D1548" s="8">
        <v>1720</v>
      </c>
      <c r="E1548" s="3" t="s">
        <v>5251</v>
      </c>
      <c r="F1548" s="6" t="s">
        <v>5252</v>
      </c>
      <c r="G1548" s="3" t="s">
        <v>16</v>
      </c>
      <c r="H1548" s="3" t="s">
        <v>17</v>
      </c>
      <c r="I1548" s="3" t="s">
        <v>18</v>
      </c>
      <c r="J1548" s="3" t="s">
        <v>924</v>
      </c>
      <c r="K1548" s="4">
        <v>43357</v>
      </c>
    </row>
    <row r="1549" spans="1:11" ht="75" x14ac:dyDescent="0.25">
      <c r="A1549" s="6" t="s">
        <v>110</v>
      </c>
      <c r="B1549" s="8" t="s">
        <v>12</v>
      </c>
      <c r="C1549" s="8">
        <v>1894</v>
      </c>
      <c r="D1549" s="8">
        <v>1894</v>
      </c>
      <c r="E1549" s="3" t="s">
        <v>111</v>
      </c>
      <c r="F1549" s="6" t="s">
        <v>112</v>
      </c>
      <c r="G1549" s="3" t="s">
        <v>16</v>
      </c>
      <c r="H1549" s="3" t="s">
        <v>17</v>
      </c>
      <c r="I1549" s="3" t="s">
        <v>18</v>
      </c>
      <c r="J1549" s="3" t="s">
        <v>113</v>
      </c>
      <c r="K1549" s="4">
        <v>43350</v>
      </c>
    </row>
    <row r="1550" spans="1:11" ht="30" x14ac:dyDescent="0.25">
      <c r="A1550" s="6" t="s">
        <v>411</v>
      </c>
      <c r="B1550" s="8" t="s">
        <v>12</v>
      </c>
      <c r="C1550" s="8">
        <v>1709</v>
      </c>
      <c r="D1550" s="8">
        <v>1709</v>
      </c>
      <c r="E1550" s="3" t="s">
        <v>412</v>
      </c>
      <c r="F1550" s="6" t="s">
        <v>413</v>
      </c>
      <c r="G1550" s="3" t="s">
        <v>16</v>
      </c>
      <c r="H1550" s="3" t="s">
        <v>17</v>
      </c>
      <c r="I1550" s="3" t="s">
        <v>18</v>
      </c>
      <c r="J1550" s="3" t="s">
        <v>414</v>
      </c>
      <c r="K1550" s="4">
        <v>43350</v>
      </c>
    </row>
    <row r="1551" spans="1:11" ht="60" x14ac:dyDescent="0.25">
      <c r="A1551" s="6" t="s">
        <v>464</v>
      </c>
      <c r="B1551" s="8" t="s">
        <v>12</v>
      </c>
      <c r="C1551" s="8">
        <v>1918</v>
      </c>
      <c r="D1551" s="8">
        <v>1918</v>
      </c>
      <c r="E1551" s="3" t="s">
        <v>461</v>
      </c>
      <c r="F1551" s="6" t="s">
        <v>465</v>
      </c>
      <c r="G1551" s="3" t="s">
        <v>16</v>
      </c>
      <c r="H1551" s="3" t="s">
        <v>17</v>
      </c>
      <c r="I1551" s="3" t="s">
        <v>18</v>
      </c>
      <c r="J1551" s="3" t="s">
        <v>466</v>
      </c>
      <c r="K1551" s="4">
        <v>43350</v>
      </c>
    </row>
    <row r="1552" spans="1:11" ht="60" x14ac:dyDescent="0.25">
      <c r="A1552" s="6" t="s">
        <v>514</v>
      </c>
      <c r="B1552" s="8" t="s">
        <v>12</v>
      </c>
      <c r="C1552" s="8">
        <v>1923</v>
      </c>
      <c r="D1552" s="8">
        <v>1923</v>
      </c>
      <c r="E1552" s="3" t="s">
        <v>515</v>
      </c>
      <c r="F1552" s="6" t="s">
        <v>516</v>
      </c>
      <c r="G1552" s="3" t="s">
        <v>16</v>
      </c>
      <c r="H1552" s="3" t="s">
        <v>17</v>
      </c>
      <c r="I1552" s="3" t="s">
        <v>18</v>
      </c>
      <c r="J1552" s="3" t="s">
        <v>517</v>
      </c>
      <c r="K1552" s="4">
        <v>43350</v>
      </c>
    </row>
    <row r="1553" spans="1:11" ht="60" x14ac:dyDescent="0.25">
      <c r="A1553" s="6" t="s">
        <v>787</v>
      </c>
      <c r="B1553" s="8" t="s">
        <v>12</v>
      </c>
      <c r="C1553" s="8">
        <v>1920</v>
      </c>
      <c r="D1553" s="8">
        <v>1920</v>
      </c>
      <c r="E1553" s="3" t="s">
        <v>788</v>
      </c>
      <c r="F1553" s="6" t="s">
        <v>789</v>
      </c>
      <c r="G1553" s="3" t="s">
        <v>16</v>
      </c>
      <c r="H1553" s="3" t="s">
        <v>17</v>
      </c>
      <c r="I1553" s="3" t="s">
        <v>18</v>
      </c>
      <c r="J1553" s="3" t="s">
        <v>790</v>
      </c>
      <c r="K1553" s="4">
        <v>43350</v>
      </c>
    </row>
    <row r="1554" spans="1:11" ht="105" x14ac:dyDescent="0.25">
      <c r="A1554" s="6" t="s">
        <v>987</v>
      </c>
      <c r="B1554" s="8" t="s">
        <v>12</v>
      </c>
      <c r="C1554" s="8">
        <v>1900</v>
      </c>
      <c r="D1554" s="8">
        <v>1900</v>
      </c>
      <c r="E1554" s="3" t="s">
        <v>507</v>
      </c>
      <c r="F1554" s="6" t="s">
        <v>988</v>
      </c>
      <c r="G1554" s="3" t="s">
        <v>16</v>
      </c>
      <c r="H1554" s="3" t="s">
        <v>17</v>
      </c>
      <c r="I1554" s="3" t="s">
        <v>18</v>
      </c>
      <c r="J1554" s="3" t="s">
        <v>989</v>
      </c>
      <c r="K1554" s="4">
        <v>43350</v>
      </c>
    </row>
    <row r="1555" spans="1:11" ht="60" x14ac:dyDescent="0.25">
      <c r="A1555" s="6" t="s">
        <v>1026</v>
      </c>
      <c r="B1555" s="8" t="s">
        <v>12</v>
      </c>
      <c r="C1555" s="8">
        <v>1921</v>
      </c>
      <c r="D1555" s="8">
        <v>1921</v>
      </c>
      <c r="E1555" s="3" t="s">
        <v>515</v>
      </c>
      <c r="F1555" s="6" t="s">
        <v>1027</v>
      </c>
      <c r="G1555" s="3" t="s">
        <v>16</v>
      </c>
      <c r="H1555" s="3" t="s">
        <v>17</v>
      </c>
      <c r="I1555" s="3" t="s">
        <v>18</v>
      </c>
      <c r="J1555" s="3" t="s">
        <v>1028</v>
      </c>
      <c r="K1555" s="4">
        <v>43350</v>
      </c>
    </row>
    <row r="1556" spans="1:11" ht="75" x14ac:dyDescent="0.25">
      <c r="A1556" s="6" t="s">
        <v>1069</v>
      </c>
      <c r="B1556" s="8" t="s">
        <v>12</v>
      </c>
      <c r="C1556" s="8">
        <v>1919</v>
      </c>
      <c r="D1556" s="8">
        <v>1919</v>
      </c>
      <c r="E1556" s="3" t="s">
        <v>1070</v>
      </c>
      <c r="F1556" s="6" t="s">
        <v>1071</v>
      </c>
      <c r="G1556" s="3" t="s">
        <v>16</v>
      </c>
      <c r="H1556" s="3" t="s">
        <v>17</v>
      </c>
      <c r="I1556" s="3" t="s">
        <v>18</v>
      </c>
      <c r="J1556" s="3" t="s">
        <v>1072</v>
      </c>
      <c r="K1556" s="4">
        <v>43350</v>
      </c>
    </row>
    <row r="1557" spans="1:11" ht="30" x14ac:dyDescent="0.25">
      <c r="A1557" s="6" t="s">
        <v>1081</v>
      </c>
      <c r="B1557" s="8" t="s">
        <v>12</v>
      </c>
      <c r="C1557" s="8" t="s">
        <v>1082</v>
      </c>
      <c r="D1557" s="8" t="s">
        <v>1083</v>
      </c>
      <c r="E1557" s="3" t="s">
        <v>13</v>
      </c>
      <c r="F1557" s="6" t="s">
        <v>1084</v>
      </c>
      <c r="G1557" s="3" t="s">
        <v>16</v>
      </c>
      <c r="H1557" s="3" t="s">
        <v>17</v>
      </c>
      <c r="I1557" s="3" t="s">
        <v>18</v>
      </c>
      <c r="J1557" s="3" t="s">
        <v>986</v>
      </c>
      <c r="K1557" s="4">
        <v>43350</v>
      </c>
    </row>
    <row r="1558" spans="1:11" ht="75" x14ac:dyDescent="0.25">
      <c r="A1558" s="6" t="s">
        <v>1145</v>
      </c>
      <c r="B1558" s="8" t="s">
        <v>12</v>
      </c>
      <c r="C1558" s="8">
        <v>1919</v>
      </c>
      <c r="D1558" s="8">
        <v>1919</v>
      </c>
      <c r="E1558" s="3" t="s">
        <v>557</v>
      </c>
      <c r="F1558" s="6" t="s">
        <v>1146</v>
      </c>
      <c r="G1558" s="3" t="s">
        <v>16</v>
      </c>
      <c r="H1558" s="3" t="s">
        <v>17</v>
      </c>
      <c r="I1558" s="3" t="s">
        <v>18</v>
      </c>
      <c r="J1558" s="3" t="s">
        <v>1147</v>
      </c>
      <c r="K1558" s="4">
        <v>43350</v>
      </c>
    </row>
    <row r="1559" spans="1:11" ht="90" x14ac:dyDescent="0.25">
      <c r="A1559" s="6" t="s">
        <v>1208</v>
      </c>
      <c r="B1559" s="8" t="s">
        <v>12</v>
      </c>
      <c r="C1559" s="8">
        <v>1913</v>
      </c>
      <c r="D1559" s="8">
        <v>1913</v>
      </c>
      <c r="E1559" s="3" t="s">
        <v>1209</v>
      </c>
      <c r="F1559" s="6" t="s">
        <v>1210</v>
      </c>
      <c r="G1559" s="3" t="s">
        <v>16</v>
      </c>
      <c r="H1559" s="3" t="s">
        <v>17</v>
      </c>
      <c r="I1559" s="3" t="s">
        <v>18</v>
      </c>
      <c r="J1559" s="3" t="s">
        <v>1211</v>
      </c>
      <c r="K1559" s="4">
        <v>43350</v>
      </c>
    </row>
    <row r="1560" spans="1:11" ht="60" x14ac:dyDescent="0.25">
      <c r="A1560" s="6" t="s">
        <v>1284</v>
      </c>
      <c r="B1560" s="8" t="s">
        <v>12</v>
      </c>
      <c r="C1560" s="8" t="s">
        <v>1285</v>
      </c>
      <c r="D1560" s="8" t="s">
        <v>1286</v>
      </c>
      <c r="E1560" s="3" t="s">
        <v>1237</v>
      </c>
      <c r="F1560" s="6" t="s">
        <v>1287</v>
      </c>
      <c r="G1560" s="3" t="s">
        <v>16</v>
      </c>
      <c r="H1560" s="3" t="s">
        <v>17</v>
      </c>
      <c r="I1560" s="3" t="s">
        <v>18</v>
      </c>
      <c r="J1560" s="3" t="s">
        <v>13</v>
      </c>
      <c r="K1560" s="4">
        <v>43350</v>
      </c>
    </row>
    <row r="1561" spans="1:11" ht="45" x14ac:dyDescent="0.25">
      <c r="A1561" s="6" t="s">
        <v>1675</v>
      </c>
      <c r="B1561" s="8" t="s">
        <v>12</v>
      </c>
      <c r="C1561" s="8">
        <v>1917</v>
      </c>
      <c r="D1561" s="8">
        <v>1917</v>
      </c>
      <c r="E1561" s="3" t="s">
        <v>1676</v>
      </c>
      <c r="F1561" s="6" t="s">
        <v>1677</v>
      </c>
      <c r="G1561" s="3" t="s">
        <v>16</v>
      </c>
      <c r="H1561" s="3" t="s">
        <v>17</v>
      </c>
      <c r="I1561" s="3" t="s">
        <v>18</v>
      </c>
      <c r="J1561" s="3" t="s">
        <v>13</v>
      </c>
      <c r="K1561" s="4">
        <v>43350</v>
      </c>
    </row>
    <row r="1562" spans="1:11" ht="30" x14ac:dyDescent="0.25">
      <c r="A1562" s="6" t="s">
        <v>1766</v>
      </c>
      <c r="B1562" s="8" t="s">
        <v>12</v>
      </c>
      <c r="C1562" s="8" t="s">
        <v>163</v>
      </c>
      <c r="D1562" s="8">
        <v>1696</v>
      </c>
      <c r="E1562" s="3" t="s">
        <v>1767</v>
      </c>
      <c r="F1562" s="6" t="s">
        <v>1768</v>
      </c>
      <c r="G1562" s="3" t="s">
        <v>16</v>
      </c>
      <c r="H1562" s="3" t="s">
        <v>17</v>
      </c>
      <c r="I1562" s="3" t="s">
        <v>18</v>
      </c>
      <c r="J1562" s="3" t="s">
        <v>414</v>
      </c>
      <c r="K1562" s="4">
        <v>43350</v>
      </c>
    </row>
    <row r="1563" spans="1:11" ht="75" x14ac:dyDescent="0.25">
      <c r="A1563" s="6" t="s">
        <v>2447</v>
      </c>
      <c r="B1563" s="8" t="s">
        <v>12</v>
      </c>
      <c r="C1563" s="8">
        <v>1922</v>
      </c>
      <c r="D1563" s="8">
        <v>1922</v>
      </c>
      <c r="E1563" s="3" t="s">
        <v>111</v>
      </c>
      <c r="F1563" s="6" t="s">
        <v>2448</v>
      </c>
      <c r="G1563" s="3" t="s">
        <v>16</v>
      </c>
      <c r="H1563" s="3" t="s">
        <v>17</v>
      </c>
      <c r="I1563" s="3" t="s">
        <v>18</v>
      </c>
      <c r="J1563" s="3" t="s">
        <v>1072</v>
      </c>
      <c r="K1563" s="4">
        <v>43350</v>
      </c>
    </row>
    <row r="1564" spans="1:11" ht="45" x14ac:dyDescent="0.25">
      <c r="A1564" s="6" t="s">
        <v>2460</v>
      </c>
      <c r="B1564" s="8" t="s">
        <v>12</v>
      </c>
      <c r="C1564" s="8">
        <v>1881</v>
      </c>
      <c r="D1564" s="8">
        <v>1881</v>
      </c>
      <c r="E1564" s="3" t="s">
        <v>324</v>
      </c>
      <c r="F1564" s="6" t="s">
        <v>2461</v>
      </c>
      <c r="G1564" s="3" t="s">
        <v>16</v>
      </c>
      <c r="H1564" s="3" t="s">
        <v>17</v>
      </c>
      <c r="I1564" s="3" t="s">
        <v>18</v>
      </c>
      <c r="J1564" s="3" t="s">
        <v>2462</v>
      </c>
      <c r="K1564" s="4">
        <v>43350</v>
      </c>
    </row>
    <row r="1565" spans="1:11" ht="45" x14ac:dyDescent="0.25">
      <c r="A1565" s="6" t="s">
        <v>2471</v>
      </c>
      <c r="B1565" s="8" t="s">
        <v>12</v>
      </c>
      <c r="C1565" s="8" t="s">
        <v>2472</v>
      </c>
      <c r="D1565" s="8">
        <v>1894</v>
      </c>
      <c r="E1565" s="3" t="s">
        <v>2473</v>
      </c>
      <c r="F1565" s="6" t="s">
        <v>2474</v>
      </c>
      <c r="G1565" s="3" t="s">
        <v>16</v>
      </c>
      <c r="H1565" s="3" t="s">
        <v>17</v>
      </c>
      <c r="I1565" s="3" t="s">
        <v>2475</v>
      </c>
      <c r="J1565" s="3" t="s">
        <v>2476</v>
      </c>
      <c r="K1565" s="4">
        <v>43350</v>
      </c>
    </row>
    <row r="1566" spans="1:11" ht="45" x14ac:dyDescent="0.25">
      <c r="A1566" s="6" t="s">
        <v>2614</v>
      </c>
      <c r="B1566" s="8" t="s">
        <v>12</v>
      </c>
      <c r="C1566" s="8" t="s">
        <v>2615</v>
      </c>
      <c r="D1566" s="8">
        <v>1720</v>
      </c>
      <c r="E1566" s="3" t="s">
        <v>1441</v>
      </c>
      <c r="F1566" s="6" t="s">
        <v>2616</v>
      </c>
      <c r="G1566" s="3" t="s">
        <v>16</v>
      </c>
      <c r="H1566" s="3" t="s">
        <v>17</v>
      </c>
      <c r="I1566" s="3" t="s">
        <v>18</v>
      </c>
      <c r="J1566" s="3" t="s">
        <v>13</v>
      </c>
      <c r="K1566" s="4">
        <v>43350</v>
      </c>
    </row>
    <row r="1567" spans="1:11" ht="30" x14ac:dyDescent="0.25">
      <c r="A1567" s="6" t="s">
        <v>2857</v>
      </c>
      <c r="B1567" s="8" t="s">
        <v>12</v>
      </c>
      <c r="C1567" s="8">
        <v>1657</v>
      </c>
      <c r="D1567" s="8">
        <v>1657</v>
      </c>
      <c r="E1567" s="3" t="s">
        <v>2858</v>
      </c>
      <c r="F1567" s="6" t="s">
        <v>2859</v>
      </c>
      <c r="G1567" s="3" t="s">
        <v>16</v>
      </c>
      <c r="H1567" s="3" t="s">
        <v>17</v>
      </c>
      <c r="I1567" s="3" t="s">
        <v>18</v>
      </c>
      <c r="J1567" s="3" t="s">
        <v>2860</v>
      </c>
      <c r="K1567" s="4">
        <v>43350</v>
      </c>
    </row>
    <row r="1568" spans="1:11" ht="45" x14ac:dyDescent="0.25">
      <c r="A1568" s="6" t="s">
        <v>3135</v>
      </c>
      <c r="B1568" s="8" t="s">
        <v>12</v>
      </c>
      <c r="C1568" s="8">
        <v>1797</v>
      </c>
      <c r="D1568" s="8">
        <v>1797</v>
      </c>
      <c r="E1568" s="3" t="s">
        <v>3136</v>
      </c>
      <c r="F1568" s="6" t="s">
        <v>3137</v>
      </c>
      <c r="G1568" s="3" t="s">
        <v>16</v>
      </c>
      <c r="H1568" s="3" t="s">
        <v>17</v>
      </c>
      <c r="I1568" s="3" t="s">
        <v>18</v>
      </c>
      <c r="J1568" s="3" t="s">
        <v>3138</v>
      </c>
      <c r="K1568" s="4">
        <v>43350</v>
      </c>
    </row>
    <row r="1569" spans="1:11" x14ac:dyDescent="0.25">
      <c r="A1569" s="6" t="s">
        <v>3206</v>
      </c>
      <c r="B1569" s="8" t="s">
        <v>12</v>
      </c>
      <c r="C1569" s="8" t="s">
        <v>3207</v>
      </c>
      <c r="D1569" s="8">
        <v>1711</v>
      </c>
      <c r="E1569" s="3" t="s">
        <v>3208</v>
      </c>
      <c r="F1569" s="6" t="s">
        <v>3209</v>
      </c>
      <c r="G1569" s="3" t="s">
        <v>16</v>
      </c>
      <c r="H1569" s="3" t="s">
        <v>17</v>
      </c>
      <c r="I1569" s="3" t="s">
        <v>18</v>
      </c>
      <c r="J1569" s="3" t="s">
        <v>414</v>
      </c>
      <c r="K1569" s="4">
        <v>43350</v>
      </c>
    </row>
    <row r="1570" spans="1:11" ht="60" x14ac:dyDescent="0.25">
      <c r="A1570" s="6" t="s">
        <v>3494</v>
      </c>
      <c r="B1570" s="8" t="s">
        <v>12</v>
      </c>
      <c r="C1570" s="8">
        <v>1670</v>
      </c>
      <c r="D1570" s="8">
        <v>1670</v>
      </c>
      <c r="E1570" s="3" t="s">
        <v>3495</v>
      </c>
      <c r="F1570" s="6" t="s">
        <v>3496</v>
      </c>
      <c r="G1570" s="3" t="s">
        <v>16</v>
      </c>
      <c r="H1570" s="3" t="s">
        <v>17</v>
      </c>
      <c r="I1570" s="3" t="s">
        <v>18</v>
      </c>
      <c r="J1570" s="3" t="s">
        <v>1239</v>
      </c>
      <c r="K1570" s="4">
        <v>43350</v>
      </c>
    </row>
    <row r="1571" spans="1:11" ht="75" x14ac:dyDescent="0.25">
      <c r="A1571" s="6" t="s">
        <v>3527</v>
      </c>
      <c r="B1571" s="8" t="s">
        <v>12</v>
      </c>
      <c r="C1571" s="8">
        <v>1913</v>
      </c>
      <c r="D1571" s="8">
        <v>1913</v>
      </c>
      <c r="E1571" s="3" t="s">
        <v>3528</v>
      </c>
      <c r="F1571" s="6" t="s">
        <v>3529</v>
      </c>
      <c r="G1571" s="3" t="s">
        <v>16</v>
      </c>
      <c r="H1571" s="3" t="s">
        <v>17</v>
      </c>
      <c r="I1571" s="3" t="s">
        <v>350</v>
      </c>
      <c r="J1571" s="3" t="s">
        <v>1634</v>
      </c>
      <c r="K1571" s="4">
        <v>43350</v>
      </c>
    </row>
    <row r="1572" spans="1:11" ht="45" x14ac:dyDescent="0.25">
      <c r="A1572" s="6" t="s">
        <v>3555</v>
      </c>
      <c r="B1572" s="8" t="s">
        <v>12</v>
      </c>
      <c r="C1572" s="8" t="s">
        <v>3556</v>
      </c>
      <c r="D1572" s="8">
        <v>1735</v>
      </c>
      <c r="E1572" s="3" t="s">
        <v>3557</v>
      </c>
      <c r="F1572" s="6" t="s">
        <v>3558</v>
      </c>
      <c r="G1572" s="3" t="s">
        <v>16</v>
      </c>
      <c r="H1572" s="3" t="s">
        <v>17</v>
      </c>
      <c r="I1572" s="3" t="s">
        <v>18</v>
      </c>
      <c r="J1572" s="3" t="s">
        <v>13</v>
      </c>
      <c r="K1572" s="4">
        <v>43350</v>
      </c>
    </row>
    <row r="1573" spans="1:11" ht="45" x14ac:dyDescent="0.25">
      <c r="A1573" s="6" t="s">
        <v>3846</v>
      </c>
      <c r="B1573" s="8" t="s">
        <v>12</v>
      </c>
      <c r="C1573" s="8">
        <v>1915</v>
      </c>
      <c r="D1573" s="8">
        <v>1915</v>
      </c>
      <c r="E1573" s="3" t="s">
        <v>3847</v>
      </c>
      <c r="F1573" s="6" t="s">
        <v>3848</v>
      </c>
      <c r="G1573" s="3" t="s">
        <v>16</v>
      </c>
      <c r="H1573" s="3" t="s">
        <v>17</v>
      </c>
      <c r="I1573" s="3" t="s">
        <v>18</v>
      </c>
      <c r="J1573" s="3" t="s">
        <v>1115</v>
      </c>
      <c r="K1573" s="4">
        <v>43350</v>
      </c>
    </row>
    <row r="1574" spans="1:11" ht="60" x14ac:dyDescent="0.25">
      <c r="A1574" s="6" t="s">
        <v>3849</v>
      </c>
      <c r="B1574" s="8" t="s">
        <v>12</v>
      </c>
      <c r="C1574" s="8">
        <v>1908</v>
      </c>
      <c r="D1574" s="8">
        <v>1908</v>
      </c>
      <c r="E1574" s="3" t="s">
        <v>3850</v>
      </c>
      <c r="F1574" s="6" t="s">
        <v>3851</v>
      </c>
      <c r="G1574" s="3" t="s">
        <v>16</v>
      </c>
      <c r="H1574" s="3" t="s">
        <v>17</v>
      </c>
      <c r="I1574" s="3" t="s">
        <v>18</v>
      </c>
      <c r="J1574" s="3" t="s">
        <v>3852</v>
      </c>
      <c r="K1574" s="4">
        <v>43350</v>
      </c>
    </row>
    <row r="1575" spans="1:11" ht="90" x14ac:dyDescent="0.25">
      <c r="A1575" s="6" t="s">
        <v>4009</v>
      </c>
      <c r="B1575" s="8" t="s">
        <v>12</v>
      </c>
      <c r="C1575" s="8">
        <v>1922</v>
      </c>
      <c r="D1575" s="8">
        <v>1922</v>
      </c>
      <c r="E1575" s="3" t="s">
        <v>515</v>
      </c>
      <c r="F1575" s="6" t="s">
        <v>4010</v>
      </c>
      <c r="G1575" s="3" t="s">
        <v>16</v>
      </c>
      <c r="H1575" s="3" t="s">
        <v>17</v>
      </c>
      <c r="I1575" s="3" t="s">
        <v>18</v>
      </c>
      <c r="J1575" s="3" t="s">
        <v>4011</v>
      </c>
      <c r="K1575" s="4">
        <v>43350</v>
      </c>
    </row>
    <row r="1576" spans="1:11" ht="120" x14ac:dyDescent="0.25">
      <c r="A1576" s="6" t="s">
        <v>4136</v>
      </c>
      <c r="B1576" s="8" t="s">
        <v>12</v>
      </c>
      <c r="C1576" s="8">
        <v>1876</v>
      </c>
      <c r="D1576" s="8">
        <v>1876</v>
      </c>
      <c r="E1576" s="3" t="s">
        <v>102</v>
      </c>
      <c r="F1576" s="6" t="s">
        <v>4137</v>
      </c>
      <c r="G1576" s="3" t="s">
        <v>16</v>
      </c>
      <c r="H1576" s="3" t="s">
        <v>17</v>
      </c>
      <c r="I1576" s="3" t="s">
        <v>18</v>
      </c>
      <c r="J1576" s="3" t="s">
        <v>4138</v>
      </c>
      <c r="K1576" s="4">
        <v>43350</v>
      </c>
    </row>
    <row r="1577" spans="1:11" ht="30" x14ac:dyDescent="0.25">
      <c r="A1577" s="6" t="s">
        <v>4139</v>
      </c>
      <c r="B1577" s="8" t="s">
        <v>12</v>
      </c>
      <c r="C1577" s="8">
        <v>1685</v>
      </c>
      <c r="D1577" s="8">
        <v>1685</v>
      </c>
      <c r="E1577" s="3" t="s">
        <v>4140</v>
      </c>
      <c r="F1577" s="6" t="s">
        <v>4141</v>
      </c>
      <c r="G1577" s="3" t="s">
        <v>16</v>
      </c>
      <c r="H1577" s="3" t="s">
        <v>17</v>
      </c>
      <c r="I1577" s="3" t="s">
        <v>18</v>
      </c>
      <c r="J1577" s="3" t="s">
        <v>3044</v>
      </c>
      <c r="K1577" s="4">
        <v>43350</v>
      </c>
    </row>
    <row r="1578" spans="1:11" ht="60" x14ac:dyDescent="0.25">
      <c r="A1578" s="6" t="s">
        <v>4179</v>
      </c>
      <c r="B1578" s="8" t="s">
        <v>12</v>
      </c>
      <c r="C1578" s="8">
        <v>1891</v>
      </c>
      <c r="D1578" s="8">
        <v>1891</v>
      </c>
      <c r="E1578" s="3" t="s">
        <v>493</v>
      </c>
      <c r="F1578" s="6" t="s">
        <v>4180</v>
      </c>
      <c r="G1578" s="3" t="s">
        <v>16</v>
      </c>
      <c r="H1578" s="3" t="s">
        <v>17</v>
      </c>
      <c r="I1578" s="3" t="s">
        <v>18</v>
      </c>
      <c r="J1578" s="3" t="s">
        <v>4181</v>
      </c>
      <c r="K1578" s="4">
        <v>43350</v>
      </c>
    </row>
    <row r="1579" spans="1:11" ht="60" x14ac:dyDescent="0.25">
      <c r="A1579" s="6" t="s">
        <v>4285</v>
      </c>
      <c r="B1579" s="8" t="s">
        <v>12</v>
      </c>
      <c r="C1579" s="8">
        <v>1702</v>
      </c>
      <c r="D1579" s="8">
        <v>1702</v>
      </c>
      <c r="E1579" s="3" t="s">
        <v>13</v>
      </c>
      <c r="F1579" s="6" t="s">
        <v>4286</v>
      </c>
      <c r="G1579" s="3" t="s">
        <v>16</v>
      </c>
      <c r="H1579" s="3" t="s">
        <v>17</v>
      </c>
      <c r="I1579" s="3" t="s">
        <v>18</v>
      </c>
      <c r="J1579" s="3" t="s">
        <v>13</v>
      </c>
      <c r="K1579" s="4">
        <v>43350</v>
      </c>
    </row>
    <row r="1580" spans="1:11" ht="45" x14ac:dyDescent="0.25">
      <c r="A1580" s="6" t="s">
        <v>4376</v>
      </c>
      <c r="B1580" s="8" t="s">
        <v>12</v>
      </c>
      <c r="C1580" s="8">
        <v>1885</v>
      </c>
      <c r="D1580" s="8">
        <v>1885</v>
      </c>
      <c r="E1580" s="3" t="s">
        <v>493</v>
      </c>
      <c r="F1580" s="6" t="s">
        <v>4377</v>
      </c>
      <c r="G1580" s="3" t="s">
        <v>16</v>
      </c>
      <c r="H1580" s="3" t="s">
        <v>17</v>
      </c>
      <c r="I1580" s="3" t="s">
        <v>18</v>
      </c>
      <c r="J1580" s="3" t="s">
        <v>4378</v>
      </c>
      <c r="K1580" s="4">
        <v>43350</v>
      </c>
    </row>
    <row r="1581" spans="1:11" ht="30" x14ac:dyDescent="0.25">
      <c r="A1581" s="6" t="s">
        <v>4588</v>
      </c>
      <c r="B1581" s="8" t="s">
        <v>12</v>
      </c>
      <c r="C1581" s="8">
        <v>1923</v>
      </c>
      <c r="D1581" s="8">
        <v>1923</v>
      </c>
      <c r="E1581" s="3" t="s">
        <v>4589</v>
      </c>
      <c r="F1581" s="6" t="s">
        <v>4590</v>
      </c>
      <c r="G1581" s="3" t="s">
        <v>16</v>
      </c>
      <c r="H1581" s="3" t="s">
        <v>17</v>
      </c>
      <c r="I1581" s="3" t="s">
        <v>18</v>
      </c>
      <c r="J1581" s="3" t="s">
        <v>4591</v>
      </c>
      <c r="K1581" s="4">
        <v>43350</v>
      </c>
    </row>
    <row r="1582" spans="1:11" ht="90" x14ac:dyDescent="0.25">
      <c r="A1582" s="6" t="s">
        <v>5018</v>
      </c>
      <c r="B1582" s="8" t="s">
        <v>12</v>
      </c>
      <c r="C1582" s="8">
        <v>1900</v>
      </c>
      <c r="D1582" s="8">
        <v>1900</v>
      </c>
      <c r="E1582" s="3" t="s">
        <v>461</v>
      </c>
      <c r="F1582" s="6" t="s">
        <v>5019</v>
      </c>
      <c r="G1582" s="3" t="s">
        <v>16</v>
      </c>
      <c r="H1582" s="3" t="s">
        <v>17</v>
      </c>
      <c r="I1582" s="3" t="s">
        <v>18</v>
      </c>
      <c r="J1582" s="3" t="s">
        <v>5020</v>
      </c>
      <c r="K1582" s="4">
        <v>43350</v>
      </c>
    </row>
    <row r="1583" spans="1:11" ht="60" x14ac:dyDescent="0.25">
      <c r="A1583" s="6" t="s">
        <v>5268</v>
      </c>
      <c r="B1583" s="8" t="s">
        <v>12</v>
      </c>
      <c r="C1583" s="8" t="s">
        <v>652</v>
      </c>
      <c r="D1583" s="8">
        <v>1912</v>
      </c>
      <c r="E1583" s="3" t="s">
        <v>3945</v>
      </c>
      <c r="F1583" s="6" t="s">
        <v>5269</v>
      </c>
      <c r="G1583" s="3" t="s">
        <v>16</v>
      </c>
      <c r="H1583" s="3" t="s">
        <v>17</v>
      </c>
      <c r="I1583" s="3" t="s">
        <v>18</v>
      </c>
      <c r="J1583" s="3" t="s">
        <v>466</v>
      </c>
      <c r="K1583" s="4">
        <v>43350</v>
      </c>
    </row>
    <row r="1584" spans="1:11" ht="60" x14ac:dyDescent="0.25">
      <c r="A1584" s="6" t="s">
        <v>5300</v>
      </c>
      <c r="B1584" s="8" t="s">
        <v>12</v>
      </c>
      <c r="C1584" s="8">
        <v>1911</v>
      </c>
      <c r="D1584" s="8">
        <v>1911</v>
      </c>
      <c r="E1584" s="3" t="s">
        <v>5301</v>
      </c>
      <c r="F1584" s="6" t="s">
        <v>5302</v>
      </c>
      <c r="G1584" s="3" t="s">
        <v>16</v>
      </c>
      <c r="H1584" s="3" t="s">
        <v>17</v>
      </c>
      <c r="I1584" s="3" t="s">
        <v>18</v>
      </c>
      <c r="J1584" s="3" t="s">
        <v>5303</v>
      </c>
      <c r="K1584" s="4">
        <v>43350</v>
      </c>
    </row>
    <row r="1585" spans="1:11" ht="30" x14ac:dyDescent="0.25">
      <c r="A1585" s="6" t="s">
        <v>5350</v>
      </c>
      <c r="B1585" s="8" t="s">
        <v>12</v>
      </c>
      <c r="C1585" s="8" t="s">
        <v>652</v>
      </c>
      <c r="D1585" s="8">
        <v>1753</v>
      </c>
      <c r="E1585" s="3" t="s">
        <v>4852</v>
      </c>
      <c r="F1585" s="6" t="s">
        <v>5351</v>
      </c>
      <c r="G1585" s="3" t="s">
        <v>16</v>
      </c>
      <c r="H1585" s="3" t="s">
        <v>17</v>
      </c>
      <c r="I1585" s="3" t="s">
        <v>18</v>
      </c>
      <c r="J1585" s="3" t="s">
        <v>5352</v>
      </c>
      <c r="K1585" s="4">
        <v>43350</v>
      </c>
    </row>
    <row r="1586" spans="1:11" ht="75" x14ac:dyDescent="0.25">
      <c r="A1586" s="6" t="s">
        <v>5353</v>
      </c>
      <c r="B1586" s="8" t="s">
        <v>12</v>
      </c>
      <c r="C1586" s="8">
        <v>1904</v>
      </c>
      <c r="D1586" s="8">
        <v>1904</v>
      </c>
      <c r="E1586" s="3" t="s">
        <v>4080</v>
      </c>
      <c r="F1586" s="6" t="s">
        <v>5354</v>
      </c>
      <c r="G1586" s="3" t="s">
        <v>16</v>
      </c>
      <c r="H1586" s="3" t="s">
        <v>17</v>
      </c>
      <c r="I1586" s="3" t="s">
        <v>1425</v>
      </c>
      <c r="J1586" s="3" t="s">
        <v>1118</v>
      </c>
      <c r="K1586" s="4">
        <v>43350</v>
      </c>
    </row>
    <row r="1587" spans="1:11" ht="105" x14ac:dyDescent="0.25">
      <c r="A1587" s="6" t="s">
        <v>5540</v>
      </c>
      <c r="B1587" s="8" t="s">
        <v>12</v>
      </c>
      <c r="C1587" s="8">
        <v>1919</v>
      </c>
      <c r="D1587" s="8">
        <v>1919</v>
      </c>
      <c r="E1587" s="3" t="s">
        <v>1867</v>
      </c>
      <c r="F1587" s="6" t="s">
        <v>5541</v>
      </c>
      <c r="G1587" s="3" t="s">
        <v>16</v>
      </c>
      <c r="H1587" s="3" t="s">
        <v>17</v>
      </c>
      <c r="I1587" s="3" t="s">
        <v>18</v>
      </c>
      <c r="J1587" s="3" t="s">
        <v>3134</v>
      </c>
      <c r="K1587" s="4">
        <v>43350</v>
      </c>
    </row>
    <row r="1588" spans="1:11" ht="45" x14ac:dyDescent="0.25">
      <c r="A1588" s="6" t="s">
        <v>5624</v>
      </c>
      <c r="B1588" s="8" t="s">
        <v>12</v>
      </c>
      <c r="C1588" s="8">
        <v>1888</v>
      </c>
      <c r="D1588" s="8">
        <v>1888</v>
      </c>
      <c r="E1588" s="3" t="s">
        <v>5138</v>
      </c>
      <c r="F1588" s="6" t="s">
        <v>5625</v>
      </c>
      <c r="G1588" s="3" t="s">
        <v>16</v>
      </c>
      <c r="H1588" s="3" t="s">
        <v>17</v>
      </c>
      <c r="I1588" s="3" t="s">
        <v>350</v>
      </c>
      <c r="J1588" s="3" t="s">
        <v>5626</v>
      </c>
      <c r="K1588" s="4">
        <v>43350</v>
      </c>
    </row>
    <row r="1589" spans="1:11" ht="60" x14ac:dyDescent="0.25">
      <c r="A1589" s="6" t="s">
        <v>5696</v>
      </c>
      <c r="B1589" s="8" t="s">
        <v>12</v>
      </c>
      <c r="C1589" s="8" t="s">
        <v>4372</v>
      </c>
      <c r="D1589" s="8">
        <v>1723</v>
      </c>
      <c r="E1589" s="3" t="s">
        <v>5697</v>
      </c>
      <c r="F1589" s="6" t="s">
        <v>5698</v>
      </c>
      <c r="G1589" s="3" t="s">
        <v>16</v>
      </c>
      <c r="H1589" s="3" t="s">
        <v>17</v>
      </c>
      <c r="I1589" s="3" t="s">
        <v>250</v>
      </c>
      <c r="J1589" s="3" t="s">
        <v>5699</v>
      </c>
      <c r="K1589" s="4">
        <v>43350</v>
      </c>
    </row>
    <row r="1590" spans="1:11" ht="30" x14ac:dyDescent="0.25">
      <c r="A1590" s="6" t="s">
        <v>431</v>
      </c>
      <c r="B1590" s="8" t="s">
        <v>65</v>
      </c>
      <c r="C1590" s="8" t="s">
        <v>432</v>
      </c>
      <c r="D1590" s="8" t="s">
        <v>432</v>
      </c>
      <c r="E1590" s="3" t="s">
        <v>13</v>
      </c>
      <c r="F1590" s="6" t="s">
        <v>433</v>
      </c>
      <c r="G1590" s="3" t="s">
        <v>79</v>
      </c>
      <c r="H1590" s="3" t="s">
        <v>17</v>
      </c>
      <c r="I1590" s="3" t="s">
        <v>13</v>
      </c>
      <c r="J1590" s="3" t="s">
        <v>13</v>
      </c>
      <c r="K1590" s="4">
        <v>43231</v>
      </c>
    </row>
    <row r="1591" spans="1:11" x14ac:dyDescent="0.25">
      <c r="A1591" s="6" t="s">
        <v>583</v>
      </c>
      <c r="B1591" s="8" t="s">
        <v>65</v>
      </c>
      <c r="C1591" s="8">
        <v>1791</v>
      </c>
      <c r="D1591" s="8">
        <v>1791</v>
      </c>
      <c r="E1591" s="3" t="s">
        <v>13</v>
      </c>
      <c r="F1591" s="6" t="s">
        <v>584</v>
      </c>
      <c r="G1591" s="3" t="s">
        <v>79</v>
      </c>
      <c r="H1591" s="3" t="s">
        <v>17</v>
      </c>
      <c r="I1591" s="3" t="s">
        <v>13</v>
      </c>
      <c r="J1591" s="3" t="s">
        <v>13</v>
      </c>
      <c r="K1591" s="4">
        <v>43230</v>
      </c>
    </row>
    <row r="1592" spans="1:11" x14ac:dyDescent="0.25">
      <c r="A1592" s="6" t="s">
        <v>1426</v>
      </c>
      <c r="B1592" s="8" t="s">
        <v>65</v>
      </c>
      <c r="C1592" s="8" t="s">
        <v>1957</v>
      </c>
      <c r="D1592" s="8" t="s">
        <v>1957</v>
      </c>
      <c r="E1592" s="3" t="s">
        <v>13</v>
      </c>
      <c r="F1592" s="6" t="s">
        <v>1427</v>
      </c>
      <c r="G1592" s="3" t="s">
        <v>68</v>
      </c>
      <c r="H1592" s="3" t="s">
        <v>17</v>
      </c>
      <c r="I1592" s="3" t="s">
        <v>13</v>
      </c>
      <c r="J1592" s="3" t="s">
        <v>1428</v>
      </c>
      <c r="K1592" s="4">
        <v>43230</v>
      </c>
    </row>
    <row r="1593" spans="1:11" x14ac:dyDescent="0.25">
      <c r="A1593" s="6" t="s">
        <v>5231</v>
      </c>
      <c r="B1593" s="8" t="s">
        <v>65</v>
      </c>
      <c r="C1593" s="8" t="s">
        <v>5232</v>
      </c>
      <c r="D1593" s="8" t="s">
        <v>5232</v>
      </c>
      <c r="E1593" s="3" t="s">
        <v>13</v>
      </c>
      <c r="F1593" s="6" t="s">
        <v>5233</v>
      </c>
      <c r="G1593" s="3" t="s">
        <v>68</v>
      </c>
      <c r="H1593" s="3" t="s">
        <v>17</v>
      </c>
      <c r="I1593" s="3" t="s">
        <v>13</v>
      </c>
      <c r="J1593" s="3" t="s">
        <v>1402</v>
      </c>
      <c r="K1593" s="4">
        <v>43230</v>
      </c>
    </row>
    <row r="1594" spans="1:11" x14ac:dyDescent="0.25">
      <c r="A1594" s="6" t="s">
        <v>5569</v>
      </c>
      <c r="B1594" s="8" t="s">
        <v>65</v>
      </c>
      <c r="C1594" s="8" t="s">
        <v>5570</v>
      </c>
      <c r="D1594" s="8" t="s">
        <v>5570</v>
      </c>
      <c r="E1594" s="3" t="s">
        <v>13</v>
      </c>
      <c r="F1594" s="6" t="s">
        <v>5571</v>
      </c>
      <c r="G1594" s="3" t="s">
        <v>5572</v>
      </c>
      <c r="H1594" s="3" t="s">
        <v>17</v>
      </c>
      <c r="I1594" s="3" t="s">
        <v>5573</v>
      </c>
      <c r="J1594" s="3" t="s">
        <v>13</v>
      </c>
      <c r="K1594" s="4">
        <v>43230</v>
      </c>
    </row>
    <row r="1595" spans="1:11" x14ac:dyDescent="0.25">
      <c r="A1595" s="6" t="s">
        <v>64</v>
      </c>
      <c r="B1595" s="8" t="s">
        <v>65</v>
      </c>
      <c r="C1595" s="8" t="s">
        <v>66</v>
      </c>
      <c r="D1595" s="8" t="s">
        <v>66</v>
      </c>
      <c r="E1595" s="3" t="s">
        <v>13</v>
      </c>
      <c r="F1595" s="6" t="s">
        <v>67</v>
      </c>
      <c r="G1595" s="3" t="s">
        <v>68</v>
      </c>
      <c r="H1595" s="3" t="s">
        <v>17</v>
      </c>
      <c r="I1595" s="3" t="s">
        <v>13</v>
      </c>
      <c r="J1595" s="3" t="s">
        <v>13</v>
      </c>
      <c r="K1595" s="4">
        <v>43229</v>
      </c>
    </row>
    <row r="1596" spans="1:11" x14ac:dyDescent="0.25">
      <c r="A1596" s="6" t="s">
        <v>76</v>
      </c>
      <c r="B1596" s="8" t="s">
        <v>65</v>
      </c>
      <c r="C1596" s="8" t="s">
        <v>77</v>
      </c>
      <c r="D1596" s="8" t="s">
        <v>77</v>
      </c>
      <c r="E1596" s="3" t="s">
        <v>13</v>
      </c>
      <c r="F1596" s="6" t="s">
        <v>78</v>
      </c>
      <c r="G1596" s="3" t="s">
        <v>79</v>
      </c>
      <c r="H1596" s="3" t="s">
        <v>17</v>
      </c>
      <c r="I1596" s="3" t="s">
        <v>13</v>
      </c>
      <c r="J1596" s="3" t="s">
        <v>13</v>
      </c>
      <c r="K1596" s="4">
        <v>43229</v>
      </c>
    </row>
    <row r="1597" spans="1:11" x14ac:dyDescent="0.25">
      <c r="A1597" s="6" t="s">
        <v>627</v>
      </c>
      <c r="B1597" s="8" t="s">
        <v>65</v>
      </c>
      <c r="C1597" s="8" t="s">
        <v>628</v>
      </c>
      <c r="D1597" s="8" t="s">
        <v>628</v>
      </c>
      <c r="E1597" s="3" t="s">
        <v>13</v>
      </c>
      <c r="F1597" s="6" t="s">
        <v>629</v>
      </c>
      <c r="G1597" s="3" t="s">
        <v>68</v>
      </c>
      <c r="H1597" s="3" t="s">
        <v>17</v>
      </c>
      <c r="I1597" s="3" t="s">
        <v>13</v>
      </c>
      <c r="J1597" s="3" t="s">
        <v>630</v>
      </c>
      <c r="K1597" s="4">
        <v>43229</v>
      </c>
    </row>
    <row r="1598" spans="1:11" x14ac:dyDescent="0.25">
      <c r="A1598" s="6" t="s">
        <v>1334</v>
      </c>
      <c r="B1598" s="8" t="s">
        <v>65</v>
      </c>
      <c r="C1598" s="8" t="s">
        <v>1335</v>
      </c>
      <c r="D1598" s="8" t="s">
        <v>1335</v>
      </c>
      <c r="E1598" s="3" t="s">
        <v>13</v>
      </c>
      <c r="F1598" s="6" t="s">
        <v>1336</v>
      </c>
      <c r="G1598" s="3" t="s">
        <v>68</v>
      </c>
      <c r="H1598" s="3" t="s">
        <v>17</v>
      </c>
      <c r="I1598" s="3" t="s">
        <v>13</v>
      </c>
      <c r="J1598" s="3" t="s">
        <v>1337</v>
      </c>
      <c r="K1598" s="4">
        <v>43229</v>
      </c>
    </row>
    <row r="1599" spans="1:11" x14ac:dyDescent="0.25">
      <c r="A1599" s="6" t="s">
        <v>1399</v>
      </c>
      <c r="B1599" s="8" t="s">
        <v>65</v>
      </c>
      <c r="C1599" s="8" t="s">
        <v>1400</v>
      </c>
      <c r="D1599" s="8" t="s">
        <v>1400</v>
      </c>
      <c r="E1599" s="3" t="s">
        <v>13</v>
      </c>
      <c r="F1599" s="6" t="s">
        <v>1401</v>
      </c>
      <c r="G1599" s="3" t="s">
        <v>68</v>
      </c>
      <c r="H1599" s="3" t="s">
        <v>17</v>
      </c>
      <c r="I1599" s="3" t="s">
        <v>13</v>
      </c>
      <c r="J1599" s="3" t="s">
        <v>1402</v>
      </c>
      <c r="K1599" s="4">
        <v>43229</v>
      </c>
    </row>
    <row r="1600" spans="1:11" x14ac:dyDescent="0.25">
      <c r="A1600" s="6" t="s">
        <v>1426</v>
      </c>
      <c r="B1600" s="8" t="s">
        <v>65</v>
      </c>
      <c r="C1600" s="8" t="s">
        <v>432</v>
      </c>
      <c r="D1600" s="8" t="s">
        <v>432</v>
      </c>
      <c r="E1600" s="3" t="s">
        <v>13</v>
      </c>
      <c r="F1600" s="6" t="s">
        <v>1427</v>
      </c>
      <c r="G1600" s="3" t="s">
        <v>68</v>
      </c>
      <c r="H1600" s="3" t="s">
        <v>17</v>
      </c>
      <c r="I1600" s="3" t="s">
        <v>13</v>
      </c>
      <c r="J1600" s="3" t="s">
        <v>1428</v>
      </c>
      <c r="K1600" s="4">
        <v>43229</v>
      </c>
    </row>
    <row r="1601" spans="1:11" ht="30" x14ac:dyDescent="0.25">
      <c r="A1601" s="6" t="s">
        <v>2188</v>
      </c>
      <c r="B1601" s="8" t="s">
        <v>65</v>
      </c>
      <c r="C1601" s="8">
        <v>1866</v>
      </c>
      <c r="D1601" s="8">
        <v>1866</v>
      </c>
      <c r="E1601" s="3" t="s">
        <v>13</v>
      </c>
      <c r="F1601" s="6" t="s">
        <v>2189</v>
      </c>
      <c r="G1601" s="3" t="s">
        <v>2190</v>
      </c>
      <c r="H1601" s="3" t="s">
        <v>17</v>
      </c>
      <c r="I1601" s="3" t="s">
        <v>13</v>
      </c>
      <c r="J1601" s="3" t="s">
        <v>13</v>
      </c>
      <c r="K1601" s="4">
        <v>43229</v>
      </c>
    </row>
    <row r="1602" spans="1:11" ht="30" x14ac:dyDescent="0.25">
      <c r="A1602" s="6" t="s">
        <v>2400</v>
      </c>
      <c r="B1602" s="8" t="s">
        <v>65</v>
      </c>
      <c r="C1602" s="8" t="s">
        <v>2401</v>
      </c>
      <c r="D1602" s="8" t="s">
        <v>2401</v>
      </c>
      <c r="E1602" s="3" t="s">
        <v>13</v>
      </c>
      <c r="F1602" s="6" t="s">
        <v>2402</v>
      </c>
      <c r="G1602" s="3" t="s">
        <v>68</v>
      </c>
      <c r="H1602" s="3" t="s">
        <v>17</v>
      </c>
      <c r="I1602" s="3" t="s">
        <v>13</v>
      </c>
      <c r="J1602" s="3" t="s">
        <v>13</v>
      </c>
      <c r="K1602" s="4">
        <v>43229</v>
      </c>
    </row>
    <row r="1603" spans="1:11" ht="30" x14ac:dyDescent="0.25">
      <c r="A1603" s="6" t="s">
        <v>2708</v>
      </c>
      <c r="B1603" s="8" t="s">
        <v>65</v>
      </c>
      <c r="C1603" s="8" t="s">
        <v>2709</v>
      </c>
      <c r="D1603" s="8" t="s">
        <v>2709</v>
      </c>
      <c r="E1603" s="3" t="s">
        <v>13</v>
      </c>
      <c r="F1603" s="6" t="s">
        <v>2710</v>
      </c>
      <c r="G1603" s="3" t="s">
        <v>68</v>
      </c>
      <c r="H1603" s="3" t="s">
        <v>17</v>
      </c>
      <c r="I1603" s="3" t="s">
        <v>13</v>
      </c>
      <c r="J1603" s="3" t="s">
        <v>1428</v>
      </c>
      <c r="K1603" s="4">
        <v>43229</v>
      </c>
    </row>
    <row r="1604" spans="1:11" x14ac:dyDescent="0.25">
      <c r="A1604" s="6" t="s">
        <v>2747</v>
      </c>
      <c r="B1604" s="8" t="s">
        <v>65</v>
      </c>
      <c r="C1604" s="8" t="s">
        <v>2748</v>
      </c>
      <c r="D1604" s="8" t="s">
        <v>2748</v>
      </c>
      <c r="E1604" s="3" t="s">
        <v>13</v>
      </c>
      <c r="F1604" s="6" t="s">
        <v>2749</v>
      </c>
      <c r="G1604" s="3" t="s">
        <v>79</v>
      </c>
      <c r="H1604" s="3" t="s">
        <v>17</v>
      </c>
      <c r="I1604" s="3" t="s">
        <v>13</v>
      </c>
      <c r="J1604" s="3" t="s">
        <v>13</v>
      </c>
      <c r="K1604" s="4">
        <v>43229</v>
      </c>
    </row>
    <row r="1605" spans="1:11" x14ac:dyDescent="0.25">
      <c r="A1605" s="6" t="s">
        <v>3249</v>
      </c>
      <c r="B1605" s="8" t="s">
        <v>65</v>
      </c>
      <c r="C1605" s="8" t="s">
        <v>3250</v>
      </c>
      <c r="D1605" s="8" t="s">
        <v>3250</v>
      </c>
      <c r="E1605" s="3" t="s">
        <v>13</v>
      </c>
      <c r="F1605" s="6" t="s">
        <v>3251</v>
      </c>
      <c r="G1605" s="3" t="s">
        <v>68</v>
      </c>
      <c r="H1605" s="3" t="s">
        <v>17</v>
      </c>
      <c r="I1605" s="3" t="s">
        <v>13</v>
      </c>
      <c r="J1605" s="3" t="s">
        <v>1428</v>
      </c>
      <c r="K1605" s="4">
        <v>43229</v>
      </c>
    </row>
    <row r="1606" spans="1:11" x14ac:dyDescent="0.25">
      <c r="A1606" s="6" t="s">
        <v>1426</v>
      </c>
      <c r="B1606" s="8" t="s">
        <v>65</v>
      </c>
      <c r="C1606" s="8" t="s">
        <v>5088</v>
      </c>
      <c r="D1606" s="8" t="s">
        <v>5088</v>
      </c>
      <c r="E1606" s="3" t="s">
        <v>13</v>
      </c>
      <c r="F1606" s="6" t="s">
        <v>1427</v>
      </c>
      <c r="G1606" s="3" t="s">
        <v>68</v>
      </c>
      <c r="H1606" s="3" t="s">
        <v>17</v>
      </c>
      <c r="I1606" s="3" t="s">
        <v>13</v>
      </c>
      <c r="J1606" s="3" t="s">
        <v>1428</v>
      </c>
      <c r="K1606" s="4">
        <v>43229</v>
      </c>
    </row>
    <row r="1607" spans="1:11" x14ac:dyDescent="0.25">
      <c r="A1607" s="6" t="s">
        <v>1426</v>
      </c>
      <c r="B1607" s="8" t="s">
        <v>65</v>
      </c>
      <c r="C1607" s="8" t="s">
        <v>5190</v>
      </c>
      <c r="D1607" s="8" t="s">
        <v>5190</v>
      </c>
      <c r="E1607" s="3" t="s">
        <v>13</v>
      </c>
      <c r="F1607" s="6" t="s">
        <v>1427</v>
      </c>
      <c r="G1607" s="3" t="s">
        <v>68</v>
      </c>
      <c r="H1607" s="3" t="s">
        <v>17</v>
      </c>
      <c r="I1607" s="3" t="s">
        <v>13</v>
      </c>
      <c r="J1607" s="3" t="s">
        <v>1428</v>
      </c>
      <c r="K1607" s="4">
        <v>43229</v>
      </c>
    </row>
    <row r="1608" spans="1:11" x14ac:dyDescent="0.25">
      <c r="A1608" s="6" t="s">
        <v>1426</v>
      </c>
      <c r="B1608" s="8" t="s">
        <v>65</v>
      </c>
      <c r="C1608" s="8" t="s">
        <v>5611</v>
      </c>
      <c r="D1608" s="8" t="s">
        <v>5611</v>
      </c>
      <c r="E1608" s="3" t="s">
        <v>13</v>
      </c>
      <c r="F1608" s="6" t="s">
        <v>1427</v>
      </c>
      <c r="G1608" s="3" t="s">
        <v>68</v>
      </c>
      <c r="H1608" s="3" t="s">
        <v>17</v>
      </c>
      <c r="I1608" s="3" t="s">
        <v>13</v>
      </c>
      <c r="J1608" s="3" t="s">
        <v>1428</v>
      </c>
      <c r="K1608" s="4">
        <v>43229</v>
      </c>
    </row>
  </sheetData>
  <autoFilter ref="A1:K1609"/>
  <sortState ref="A2:K1608">
    <sortCondition descending="1" ref="K1"/>
  </sortState>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Sheet1</vt:lpstr>
      <vt:lpstr>Sheet1!RCP_Report</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5-06-05T18:17:20Z</dcterms:created>
  <dcterms:modified xsi:type="dcterms:W3CDTF">2018-10-31T17:25:00Z</dcterms:modified>
</cp:coreProperties>
</file>